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s0103\03_行政G\01_行政企画チーム\06_市町村関係情報\01_市町村要覧\01_市町村要覧\2025年度(R7)　市町村要覧\07_校正依頼（最終）（●月●日実施）\課内\06_税政G\"/>
    </mc:Choice>
  </mc:AlternateContent>
  <bookViews>
    <workbookView xWindow="0" yWindow="0" windowWidth="17928" windowHeight="6816" tabRatio="813"/>
  </bookViews>
  <sheets>
    <sheet name="11 税率状況" sheetId="1" r:id="rId1"/>
  </sheets>
  <definedNames>
    <definedName name="_xlnm.Print_Area" localSheetId="0">'11 税率状況'!$A$1:$AA$65</definedName>
  </definedNames>
  <calcPr calcId="0"/>
</workbook>
</file>

<file path=xl/sharedStrings.xml><?xml version="1.0" encoding="utf-8"?>
<sst xmlns="http://schemas.openxmlformats.org/spreadsheetml/2006/main" count="186" uniqueCount="138">
  <si>
    <t>区分</t>
    <rPh sb="0" eb="2">
      <t>クブン</t>
    </rPh>
    <phoneticPr fontId="1"/>
  </si>
  <si>
    <t>市町村民税</t>
    <rPh sb="0" eb="3">
      <t>シチョウソン</t>
    </rPh>
    <rPh sb="3" eb="4">
      <t>ミン</t>
    </rPh>
    <rPh sb="4" eb="5">
      <t>ゼイ</t>
    </rPh>
    <phoneticPr fontId="1"/>
  </si>
  <si>
    <t>個人</t>
    <rPh sb="0" eb="2">
      <t>コジン</t>
    </rPh>
    <phoneticPr fontId="1"/>
  </si>
  <si>
    <t>法人</t>
    <rPh sb="0" eb="2">
      <t>ホウジン</t>
    </rPh>
    <phoneticPr fontId="1"/>
  </si>
  <si>
    <t>均等割</t>
    <rPh sb="0" eb="2">
      <t>キントウ</t>
    </rPh>
    <rPh sb="2" eb="3">
      <t>ワリ</t>
    </rPh>
    <phoneticPr fontId="1"/>
  </si>
  <si>
    <t>所得割</t>
    <rPh sb="0" eb="2">
      <t>ショトク</t>
    </rPh>
    <rPh sb="2" eb="3">
      <t>ワリ</t>
    </rPh>
    <phoneticPr fontId="1"/>
  </si>
  <si>
    <t>固定資産税</t>
    <rPh sb="0" eb="2">
      <t>コテイ</t>
    </rPh>
    <rPh sb="2" eb="5">
      <t>シサンゼイ</t>
    </rPh>
    <phoneticPr fontId="1"/>
  </si>
  <si>
    <t>都市計画税</t>
    <rPh sb="0" eb="2">
      <t>トシ</t>
    </rPh>
    <rPh sb="2" eb="4">
      <t>ケイカク</t>
    </rPh>
    <rPh sb="4" eb="5">
      <t>ゼイ</t>
    </rPh>
    <phoneticPr fontId="1"/>
  </si>
  <si>
    <t>横浜市</t>
    <rPh sb="0" eb="3">
      <t>ヨコハマシ</t>
    </rPh>
    <phoneticPr fontId="1"/>
  </si>
  <si>
    <t>川崎市</t>
    <rPh sb="0" eb="3">
      <t>カワサキシ</t>
    </rPh>
    <phoneticPr fontId="1"/>
  </si>
  <si>
    <t>横須賀市</t>
    <rPh sb="0" eb="4">
      <t>ヨコスカシ</t>
    </rPh>
    <phoneticPr fontId="1"/>
  </si>
  <si>
    <t>鎌倉市</t>
    <rPh sb="0" eb="3">
      <t>カマクラシ</t>
    </rPh>
    <phoneticPr fontId="1"/>
  </si>
  <si>
    <t>藤沢市</t>
    <rPh sb="0" eb="3">
      <t>フジサワシ</t>
    </rPh>
    <phoneticPr fontId="1"/>
  </si>
  <si>
    <t>小田原市</t>
    <rPh sb="0" eb="4">
      <t>オダワラシ</t>
    </rPh>
    <phoneticPr fontId="1"/>
  </si>
  <si>
    <t>茅ヶ崎市</t>
    <rPh sb="0" eb="4">
      <t>チガサキシ</t>
    </rPh>
    <phoneticPr fontId="1"/>
  </si>
  <si>
    <t>逗子市</t>
    <rPh sb="0" eb="3">
      <t>ズシシ</t>
    </rPh>
    <phoneticPr fontId="1"/>
  </si>
  <si>
    <t>相模原市</t>
    <rPh sb="0" eb="4">
      <t>サガミハラシ</t>
    </rPh>
    <phoneticPr fontId="1"/>
  </si>
  <si>
    <t>三浦市</t>
    <rPh sb="0" eb="3">
      <t>ミウラシ</t>
    </rPh>
    <phoneticPr fontId="1"/>
  </si>
  <si>
    <t>秦野市</t>
    <rPh sb="0" eb="3">
      <t>ハダノシ</t>
    </rPh>
    <phoneticPr fontId="1"/>
  </si>
  <si>
    <t>厚木市</t>
    <rPh sb="0" eb="3">
      <t>アツギシ</t>
    </rPh>
    <phoneticPr fontId="1"/>
  </si>
  <si>
    <t>大和市</t>
    <rPh sb="0" eb="3">
      <t>ヤマトシ</t>
    </rPh>
    <phoneticPr fontId="1"/>
  </si>
  <si>
    <t>伊勢原市</t>
    <rPh sb="0" eb="4">
      <t>イセハラシ</t>
    </rPh>
    <phoneticPr fontId="1"/>
  </si>
  <si>
    <t>海老名市</t>
    <rPh sb="0" eb="4">
      <t>エビナシ</t>
    </rPh>
    <phoneticPr fontId="1"/>
  </si>
  <si>
    <t>座間市</t>
    <rPh sb="0" eb="3">
      <t>ザマシ</t>
    </rPh>
    <phoneticPr fontId="1"/>
  </si>
  <si>
    <t>南足柄市</t>
    <rPh sb="0" eb="1">
      <t>ミナミ</t>
    </rPh>
    <rPh sb="1" eb="3">
      <t>アシガラ</t>
    </rPh>
    <rPh sb="3" eb="4">
      <t>シ</t>
    </rPh>
    <phoneticPr fontId="1"/>
  </si>
  <si>
    <t>綾瀬市</t>
    <rPh sb="0" eb="3">
      <t>アヤセシ</t>
    </rPh>
    <phoneticPr fontId="1"/>
  </si>
  <si>
    <t>葉山町</t>
    <rPh sb="0" eb="3">
      <t>ハヤママチ</t>
    </rPh>
    <phoneticPr fontId="1"/>
  </si>
  <si>
    <t>寒川町</t>
    <rPh sb="0" eb="2">
      <t>サムカワ</t>
    </rPh>
    <rPh sb="2" eb="3">
      <t>マチ</t>
    </rPh>
    <phoneticPr fontId="1"/>
  </si>
  <si>
    <t>大磯町</t>
    <rPh sb="0" eb="3">
      <t>オオイソマチ</t>
    </rPh>
    <phoneticPr fontId="1"/>
  </si>
  <si>
    <t>二宮町</t>
    <rPh sb="0" eb="2">
      <t>ニノミヤ</t>
    </rPh>
    <rPh sb="2" eb="3">
      <t>マチ</t>
    </rPh>
    <phoneticPr fontId="1"/>
  </si>
  <si>
    <t>中井町</t>
    <rPh sb="0" eb="2">
      <t>ナカイ</t>
    </rPh>
    <rPh sb="2" eb="3">
      <t>マチ</t>
    </rPh>
    <phoneticPr fontId="1"/>
  </si>
  <si>
    <t>大井町</t>
    <rPh sb="0" eb="2">
      <t>オオイ</t>
    </rPh>
    <rPh sb="2" eb="3">
      <t>マチ</t>
    </rPh>
    <phoneticPr fontId="1"/>
  </si>
  <si>
    <t>松田町</t>
    <rPh sb="0" eb="2">
      <t>マツダ</t>
    </rPh>
    <rPh sb="2" eb="3">
      <t>マチ</t>
    </rPh>
    <phoneticPr fontId="1"/>
  </si>
  <si>
    <t>山北町</t>
    <rPh sb="0" eb="2">
      <t>ヤマキタ</t>
    </rPh>
    <rPh sb="2" eb="3">
      <t>マチ</t>
    </rPh>
    <phoneticPr fontId="1"/>
  </si>
  <si>
    <t>開成町</t>
    <rPh sb="0" eb="2">
      <t>カイセイ</t>
    </rPh>
    <rPh sb="2" eb="3">
      <t>マチ</t>
    </rPh>
    <phoneticPr fontId="1"/>
  </si>
  <si>
    <t>箱根町</t>
    <rPh sb="0" eb="1">
      <t>ハコ</t>
    </rPh>
    <rPh sb="1" eb="2">
      <t>ネ</t>
    </rPh>
    <rPh sb="2" eb="3">
      <t>マチ</t>
    </rPh>
    <phoneticPr fontId="1"/>
  </si>
  <si>
    <t>真鶴町</t>
    <rPh sb="0" eb="2">
      <t>マナヅル</t>
    </rPh>
    <rPh sb="2" eb="3">
      <t>マチ</t>
    </rPh>
    <phoneticPr fontId="1"/>
  </si>
  <si>
    <t>湯河原町</t>
    <rPh sb="0" eb="3">
      <t>ユガワラ</t>
    </rPh>
    <rPh sb="3" eb="4">
      <t>マチ</t>
    </rPh>
    <phoneticPr fontId="1"/>
  </si>
  <si>
    <t>愛川町</t>
    <rPh sb="0" eb="2">
      <t>アイカワ</t>
    </rPh>
    <rPh sb="2" eb="3">
      <t>マチ</t>
    </rPh>
    <phoneticPr fontId="1"/>
  </si>
  <si>
    <t>清川村</t>
    <rPh sb="0" eb="2">
      <t>キヨカワ</t>
    </rPh>
    <rPh sb="2" eb="3">
      <t>ムラ</t>
    </rPh>
    <phoneticPr fontId="1"/>
  </si>
  <si>
    <t>軽自動車税</t>
    <rPh sb="0" eb="1">
      <t>ケイ</t>
    </rPh>
    <rPh sb="1" eb="3">
      <t>ジドウ</t>
    </rPh>
    <rPh sb="3" eb="4">
      <t>シャ</t>
    </rPh>
    <rPh sb="4" eb="5">
      <t>ゼイ</t>
    </rPh>
    <phoneticPr fontId="1"/>
  </si>
  <si>
    <t>別表</t>
    <rPh sb="0" eb="2">
      <t>ベッピョウ</t>
    </rPh>
    <phoneticPr fontId="1"/>
  </si>
  <si>
    <t>事業所税</t>
    <rPh sb="0" eb="3">
      <t>ジギョウショ</t>
    </rPh>
    <rPh sb="3" eb="4">
      <t>ゼイ</t>
    </rPh>
    <phoneticPr fontId="1"/>
  </si>
  <si>
    <t>法人
税割</t>
    <rPh sb="0" eb="2">
      <t>ホウジン</t>
    </rPh>
    <rPh sb="3" eb="4">
      <t>ゼイ</t>
    </rPh>
    <rPh sb="4" eb="5">
      <t>ワ</t>
    </rPh>
    <phoneticPr fontId="1"/>
  </si>
  <si>
    <t>市町村
たばこ税</t>
    <rPh sb="0" eb="3">
      <t>シチョウソン</t>
    </rPh>
    <rPh sb="7" eb="8">
      <t>ゼイ</t>
    </rPh>
    <phoneticPr fontId="1"/>
  </si>
  <si>
    <t>入湯税</t>
    <rPh sb="0" eb="2">
      <t>ニュウトウ</t>
    </rPh>
    <rPh sb="2" eb="3">
      <t>ゼイ</t>
    </rPh>
    <phoneticPr fontId="1"/>
  </si>
  <si>
    <t>11　税率状況</t>
    <rPh sb="3" eb="5">
      <t>ゼイリツ</t>
    </rPh>
    <rPh sb="5" eb="7">
      <t>ジョウキョウ</t>
    </rPh>
    <phoneticPr fontId="1"/>
  </si>
  <si>
    <t>平塚市</t>
    <rPh sb="0" eb="2">
      <t>ヒラツカ</t>
    </rPh>
    <phoneticPr fontId="1"/>
  </si>
  <si>
    <t>(円)</t>
    <rPh sb="1" eb="2">
      <t>エン</t>
    </rPh>
    <phoneticPr fontId="1"/>
  </si>
  <si>
    <t>Ｅ</t>
    <phoneticPr fontId="1"/>
  </si>
  <si>
    <t>Ｄ２</t>
    <phoneticPr fontId="1"/>
  </si>
  <si>
    <t>右のうち、税率の記載された市町村以外は、別表の税率（右の記号に対応した欄を参照）</t>
    <rPh sb="0" eb="1">
      <t>ミギ</t>
    </rPh>
    <rPh sb="5" eb="7">
      <t>ゼイリツ</t>
    </rPh>
    <rPh sb="8" eb="10">
      <t>キサイ</t>
    </rPh>
    <rPh sb="13" eb="16">
      <t>シチョウソン</t>
    </rPh>
    <rPh sb="16" eb="18">
      <t>イガイ</t>
    </rPh>
    <rPh sb="20" eb="22">
      <t>ベッピョウ</t>
    </rPh>
    <rPh sb="23" eb="25">
      <t>ゼイリツ</t>
    </rPh>
    <rPh sb="31" eb="33">
      <t>タイオウ</t>
    </rPh>
    <rPh sb="35" eb="36">
      <t>ラン</t>
    </rPh>
    <rPh sb="37" eb="39">
      <t>サンショウ</t>
    </rPh>
    <phoneticPr fontId="1"/>
  </si>
  <si>
    <t>法人均等割別表</t>
    <rPh sb="0" eb="2">
      <t>ホウジン</t>
    </rPh>
    <rPh sb="2" eb="5">
      <t>キントウワ</t>
    </rPh>
    <rPh sb="5" eb="7">
      <t>ベッピョウ</t>
    </rPh>
    <phoneticPr fontId="1"/>
  </si>
  <si>
    <t>法人の区分</t>
    <rPh sb="0" eb="2">
      <t>ホウジン</t>
    </rPh>
    <rPh sb="3" eb="5">
      <t>クブン</t>
    </rPh>
    <phoneticPr fontId="1"/>
  </si>
  <si>
    <t>従業者</t>
    <rPh sb="0" eb="3">
      <t>ジュウギョウシャ</t>
    </rPh>
    <phoneticPr fontId="1"/>
  </si>
  <si>
    <r>
      <t xml:space="preserve">税率（円）
</t>
    </r>
    <r>
      <rPr>
        <sz val="10"/>
        <rFont val="ＭＳ Ｐ明朝"/>
        <family val="1"/>
        <charset val="128"/>
      </rPr>
      <t>※横浜市を除く</t>
    </r>
    <rPh sb="0" eb="2">
      <t>ゼイリツ</t>
    </rPh>
    <rPh sb="3" eb="4">
      <t>エン</t>
    </rPh>
    <phoneticPr fontId="1"/>
  </si>
  <si>
    <t>資本金等の額を有する法人</t>
    <rPh sb="0" eb="2">
      <t>シホン</t>
    </rPh>
    <rPh sb="2" eb="3">
      <t>キン</t>
    </rPh>
    <rPh sb="3" eb="4">
      <t>トウ</t>
    </rPh>
    <rPh sb="5" eb="6">
      <t>ガク</t>
    </rPh>
    <rPh sb="7" eb="8">
      <t>ユウ</t>
    </rPh>
    <rPh sb="10" eb="12">
      <t>ホウジン</t>
    </rPh>
    <phoneticPr fontId="1"/>
  </si>
  <si>
    <t>50億円超</t>
    <rPh sb="2" eb="4">
      <t>オクエン</t>
    </rPh>
    <rPh sb="4" eb="5">
      <t>チョウ</t>
    </rPh>
    <phoneticPr fontId="1"/>
  </si>
  <si>
    <t>50人超</t>
    <rPh sb="2" eb="3">
      <t>ニン</t>
    </rPh>
    <rPh sb="3" eb="4">
      <t>チョウ</t>
    </rPh>
    <phoneticPr fontId="1"/>
  </si>
  <si>
    <t>10億円超</t>
    <rPh sb="2" eb="4">
      <t>オクエン</t>
    </rPh>
    <rPh sb="4" eb="5">
      <t>チョウ</t>
    </rPh>
    <phoneticPr fontId="1"/>
  </si>
  <si>
    <t>50人以下</t>
    <rPh sb="2" eb="3">
      <t>ニン</t>
    </rPh>
    <rPh sb="3" eb="5">
      <t>イカ</t>
    </rPh>
    <phoneticPr fontId="1"/>
  </si>
  <si>
    <t>1億円超</t>
    <rPh sb="1" eb="3">
      <t>オクエン</t>
    </rPh>
    <rPh sb="3" eb="4">
      <t>チョウ</t>
    </rPh>
    <phoneticPr fontId="1"/>
  </si>
  <si>
    <t>1億円以下
1千万円超</t>
    <rPh sb="1" eb="3">
      <t>オクエン</t>
    </rPh>
    <rPh sb="3" eb="5">
      <t>イカ</t>
    </rPh>
    <phoneticPr fontId="1"/>
  </si>
  <si>
    <t>1千万円以下</t>
    <rPh sb="1" eb="2">
      <t>セン</t>
    </rPh>
    <rPh sb="2" eb="4">
      <t>マンエン</t>
    </rPh>
    <rPh sb="4" eb="6">
      <t>イカ</t>
    </rPh>
    <phoneticPr fontId="1"/>
  </si>
  <si>
    <t>上記以外の法人</t>
    <rPh sb="0" eb="2">
      <t>ジョウキ</t>
    </rPh>
    <rPh sb="2" eb="4">
      <t>イガイ</t>
    </rPh>
    <rPh sb="5" eb="7">
      <t>ホウジン</t>
    </rPh>
    <phoneticPr fontId="1"/>
  </si>
  <si>
    <t>法人税割別表</t>
    <rPh sb="0" eb="2">
      <t>ホウジン</t>
    </rPh>
    <rPh sb="2" eb="3">
      <t>ゼイ</t>
    </rPh>
    <rPh sb="3" eb="4">
      <t>ワ</t>
    </rPh>
    <rPh sb="4" eb="6">
      <t>ベッピョウ</t>
    </rPh>
    <phoneticPr fontId="1"/>
  </si>
  <si>
    <t>資本金等の額</t>
    <rPh sb="0" eb="3">
      <t>シホンキン</t>
    </rPh>
    <rPh sb="3" eb="4">
      <t>トウ</t>
    </rPh>
    <rPh sb="5" eb="6">
      <t>ガク</t>
    </rPh>
    <phoneticPr fontId="1"/>
  </si>
  <si>
    <t>税率（％）</t>
    <rPh sb="0" eb="2">
      <t>ゼイリツ</t>
    </rPh>
    <phoneticPr fontId="1"/>
  </si>
  <si>
    <t>区　　　　　分</t>
    <rPh sb="0" eb="1">
      <t>ク</t>
    </rPh>
    <rPh sb="6" eb="7">
      <t>ブン</t>
    </rPh>
    <phoneticPr fontId="1"/>
  </si>
  <si>
    <t>税率（円）</t>
    <rPh sb="0" eb="2">
      <t>ゼイリツ</t>
    </rPh>
    <rPh sb="3" eb="4">
      <t>エン</t>
    </rPh>
    <phoneticPr fontId="1"/>
  </si>
  <si>
    <t>5億円未満</t>
    <rPh sb="1" eb="3">
      <t>オクエン</t>
    </rPh>
    <rPh sb="3" eb="5">
      <t>ミマン</t>
    </rPh>
    <phoneticPr fontId="1"/>
  </si>
  <si>
    <t>原動機付
自転車
（125cc以下）</t>
    <rPh sb="0" eb="3">
      <t>ゲンドウキ</t>
    </rPh>
    <rPh sb="3" eb="4">
      <t>ツ</t>
    </rPh>
    <rPh sb="5" eb="8">
      <t>ジテンシャ</t>
    </rPh>
    <rPh sb="15" eb="17">
      <t>イカ</t>
    </rPh>
    <phoneticPr fontId="1"/>
  </si>
  <si>
    <t>10億円以上</t>
    <rPh sb="2" eb="4">
      <t>オクエン</t>
    </rPh>
    <rPh sb="4" eb="6">
      <t>イジョウ</t>
    </rPh>
    <phoneticPr fontId="1"/>
  </si>
  <si>
    <t>5億円以下</t>
    <rPh sb="1" eb="3">
      <t>オクエン</t>
    </rPh>
    <rPh sb="3" eb="5">
      <t>イカ</t>
    </rPh>
    <phoneticPr fontId="1"/>
  </si>
  <si>
    <t>軽自動車
(660cc以下)
及び
小型特殊
自動車</t>
    <rPh sb="0" eb="4">
      <t>ケイジドウシャ</t>
    </rPh>
    <rPh sb="11" eb="13">
      <t>イカ</t>
    </rPh>
    <rPh sb="15" eb="16">
      <t>オヨ</t>
    </rPh>
    <rPh sb="18" eb="20">
      <t>コガタ</t>
    </rPh>
    <rPh sb="20" eb="21">
      <t>トク</t>
    </rPh>
    <rPh sb="21" eb="22">
      <t>コト</t>
    </rPh>
    <rPh sb="23" eb="26">
      <t>ジドウシャ</t>
    </rPh>
    <phoneticPr fontId="1"/>
  </si>
  <si>
    <t>二輪（側車付を含む）
（125cc超250cc以下）</t>
    <rPh sb="0" eb="2">
      <t>ニリン</t>
    </rPh>
    <rPh sb="3" eb="4">
      <t>ソク</t>
    </rPh>
    <rPh sb="4" eb="5">
      <t>シャ</t>
    </rPh>
    <rPh sb="5" eb="6">
      <t>ツ</t>
    </rPh>
    <rPh sb="7" eb="8">
      <t>フク</t>
    </rPh>
    <rPh sb="17" eb="18">
      <t>チョウ</t>
    </rPh>
    <rPh sb="23" eb="25">
      <t>イカ</t>
    </rPh>
    <phoneticPr fontId="1"/>
  </si>
  <si>
    <t>三輪</t>
    <rPh sb="0" eb="2">
      <t>サンリン</t>
    </rPh>
    <phoneticPr fontId="1"/>
  </si>
  <si>
    <t>四輪以上</t>
    <rPh sb="0" eb="2">
      <t>ヨンリン</t>
    </rPh>
    <rPh sb="2" eb="4">
      <t>イジョウ</t>
    </rPh>
    <phoneticPr fontId="1"/>
  </si>
  <si>
    <t>乗用</t>
    <rPh sb="0" eb="2">
      <t>ジョウヨウ</t>
    </rPh>
    <phoneticPr fontId="1"/>
  </si>
  <si>
    <t>営業用</t>
    <rPh sb="0" eb="3">
      <t>エイギョウヨウ</t>
    </rPh>
    <phoneticPr fontId="1"/>
  </si>
  <si>
    <t>自家用</t>
    <rPh sb="0" eb="3">
      <t>ジカヨウ</t>
    </rPh>
    <phoneticPr fontId="1"/>
  </si>
  <si>
    <t>5億円超10億円以下</t>
    <rPh sb="1" eb="3">
      <t>オクエン</t>
    </rPh>
    <rPh sb="3" eb="4">
      <t>チョウ</t>
    </rPh>
    <rPh sb="6" eb="8">
      <t>オクエン</t>
    </rPh>
    <rPh sb="8" eb="10">
      <t>イカ</t>
    </rPh>
    <phoneticPr fontId="1"/>
  </si>
  <si>
    <t>貨物用</t>
    <rPh sb="0" eb="3">
      <t>カモツヨウ</t>
    </rPh>
    <phoneticPr fontId="1"/>
  </si>
  <si>
    <t>10億円超50億円以下</t>
    <rPh sb="2" eb="4">
      <t>オクエン</t>
    </rPh>
    <rPh sb="4" eb="5">
      <t>チョウ</t>
    </rPh>
    <rPh sb="7" eb="9">
      <t>オクエン</t>
    </rPh>
    <rPh sb="9" eb="11">
      <t>イカ</t>
    </rPh>
    <phoneticPr fontId="1"/>
  </si>
  <si>
    <t>二輪の小型自動車（250cc超）</t>
    <rPh sb="0" eb="2">
      <t>ニリン</t>
    </rPh>
    <rPh sb="3" eb="5">
      <t>コガタ</t>
    </rPh>
    <rPh sb="5" eb="8">
      <t>ジドウシャ</t>
    </rPh>
    <rPh sb="14" eb="15">
      <t>チョウ</t>
    </rPh>
    <phoneticPr fontId="1"/>
  </si>
  <si>
    <t>1億円以下</t>
    <rPh sb="1" eb="3">
      <t>オクエン</t>
    </rPh>
    <rPh sb="3" eb="5">
      <t>イカ</t>
    </rPh>
    <phoneticPr fontId="1"/>
  </si>
  <si>
    <t>1億円未満</t>
    <rPh sb="1" eb="3">
      <t>オクエン</t>
    </rPh>
    <rPh sb="3" eb="5">
      <t>ミマン</t>
    </rPh>
    <phoneticPr fontId="1"/>
  </si>
  <si>
    <t>市町村たばこ税別表</t>
    <rPh sb="0" eb="3">
      <t>シチョウソン</t>
    </rPh>
    <rPh sb="6" eb="7">
      <t>ゼイ</t>
    </rPh>
    <rPh sb="7" eb="9">
      <t>ベッピョウ</t>
    </rPh>
    <phoneticPr fontId="1"/>
  </si>
  <si>
    <t>税　　率</t>
    <rPh sb="0" eb="1">
      <t>ゼイ</t>
    </rPh>
    <rPh sb="3" eb="4">
      <t>リツ</t>
    </rPh>
    <phoneticPr fontId="1"/>
  </si>
  <si>
    <t>5億円以上</t>
    <rPh sb="1" eb="3">
      <t>オクエン</t>
    </rPh>
    <rPh sb="3" eb="5">
      <t>イジョウ</t>
    </rPh>
    <phoneticPr fontId="1"/>
  </si>
  <si>
    <t>製造たばこ</t>
    <rPh sb="0" eb="2">
      <t>セイゾウ</t>
    </rPh>
    <phoneticPr fontId="1"/>
  </si>
  <si>
    <t>1億円超5億円以下</t>
    <rPh sb="1" eb="3">
      <t>オクエン</t>
    </rPh>
    <rPh sb="3" eb="4">
      <t>チョウ</t>
    </rPh>
    <rPh sb="5" eb="7">
      <t>オクエン</t>
    </rPh>
    <rPh sb="7" eb="9">
      <t>イカ</t>
    </rPh>
    <phoneticPr fontId="1"/>
  </si>
  <si>
    <t>5億円超</t>
    <rPh sb="1" eb="3">
      <t>オクエン</t>
    </rPh>
    <rPh sb="3" eb="4">
      <t>チョウ</t>
    </rPh>
    <phoneticPr fontId="1"/>
  </si>
  <si>
    <t>事業所税別表</t>
    <rPh sb="0" eb="3">
      <t>ジギョウショ</t>
    </rPh>
    <rPh sb="3" eb="4">
      <t>ゼイ</t>
    </rPh>
    <rPh sb="4" eb="6">
      <t>ベッピョウ</t>
    </rPh>
    <phoneticPr fontId="1"/>
  </si>
  <si>
    <t>1億円以上10億円未満</t>
    <rPh sb="1" eb="3">
      <t>オクエン</t>
    </rPh>
    <rPh sb="3" eb="5">
      <t>イジョウ</t>
    </rPh>
    <rPh sb="7" eb="9">
      <t>オクエン</t>
    </rPh>
    <rPh sb="9" eb="11">
      <t>ミマン</t>
    </rPh>
    <phoneticPr fontId="1"/>
  </si>
  <si>
    <t>資産割</t>
    <rPh sb="0" eb="2">
      <t>シサン</t>
    </rPh>
    <rPh sb="2" eb="3">
      <t>ワリ</t>
    </rPh>
    <phoneticPr fontId="1"/>
  </si>
  <si>
    <t>600円/㎡</t>
    <rPh sb="3" eb="4">
      <t>エン</t>
    </rPh>
    <phoneticPr fontId="1"/>
  </si>
  <si>
    <t>従業者割</t>
    <rPh sb="0" eb="3">
      <t>ジュウギョウシャ</t>
    </rPh>
    <rPh sb="3" eb="4">
      <t>ワ</t>
    </rPh>
    <phoneticPr fontId="1"/>
  </si>
  <si>
    <t>日帰100
宿泊150</t>
    <rPh sb="0" eb="2">
      <t>ヒガエ</t>
    </rPh>
    <phoneticPr fontId="1"/>
  </si>
  <si>
    <t>日帰８0
宿泊150</t>
    <rPh sb="0" eb="2">
      <t>ヒガエ</t>
    </rPh>
    <phoneticPr fontId="1"/>
  </si>
  <si>
    <t>日帰50
宿泊150</t>
    <rPh sb="0" eb="2">
      <t>ヒガエ</t>
    </rPh>
    <phoneticPr fontId="1"/>
  </si>
  <si>
    <t>横浜市税率（円）</t>
    <rPh sb="0" eb="3">
      <t>ヨコハマシ</t>
    </rPh>
    <rPh sb="3" eb="5">
      <t>ゼイリツ</t>
    </rPh>
    <rPh sb="6" eb="7">
      <t>エン</t>
    </rPh>
    <phoneticPr fontId="1"/>
  </si>
  <si>
    <t>市町村名</t>
    <phoneticPr fontId="1"/>
  </si>
  <si>
    <t>50億円以下10億円超</t>
    <rPh sb="2" eb="4">
      <t>オクエン</t>
    </rPh>
    <rPh sb="4" eb="6">
      <t>イカ</t>
    </rPh>
    <rPh sb="8" eb="10">
      <t>オクエン</t>
    </rPh>
    <rPh sb="10" eb="11">
      <t>チョウ</t>
    </rPh>
    <phoneticPr fontId="1"/>
  </si>
  <si>
    <t>(％)</t>
    <phoneticPr fontId="1"/>
  </si>
  <si>
    <t>10億円以下1億円超</t>
    <rPh sb="2" eb="4">
      <t>オクエン</t>
    </rPh>
    <rPh sb="4" eb="6">
      <t>イカ</t>
    </rPh>
    <phoneticPr fontId="1"/>
  </si>
  <si>
    <t>　　</t>
    <phoneticPr fontId="1"/>
  </si>
  <si>
    <t>別 表 内 の
横浜市税率</t>
    <rPh sb="0" eb="1">
      <t>ベツ</t>
    </rPh>
    <rPh sb="2" eb="3">
      <t>ヒョウ</t>
    </rPh>
    <rPh sb="4" eb="5">
      <t>ナイ</t>
    </rPh>
    <rPh sb="8" eb="11">
      <t>ヨコハマシ</t>
    </rPh>
    <rPh sb="11" eb="13">
      <t>ゼイリツ</t>
    </rPh>
    <phoneticPr fontId="1"/>
  </si>
  <si>
    <t>Ａ１</t>
    <phoneticPr fontId="1"/>
  </si>
  <si>
    <t>Ａ２</t>
    <phoneticPr fontId="1"/>
  </si>
  <si>
    <t>Ｂ</t>
    <phoneticPr fontId="1"/>
  </si>
  <si>
    <t>Ａ３</t>
    <phoneticPr fontId="1"/>
  </si>
  <si>
    <t>Ａ１
Ａ２</t>
    <phoneticPr fontId="1"/>
  </si>
  <si>
    <t>5億円以上10億円未満</t>
    <rPh sb="1" eb="3">
      <t>オクエン</t>
    </rPh>
    <rPh sb="3" eb="5">
      <t>イジョウ</t>
    </rPh>
    <phoneticPr fontId="1"/>
  </si>
  <si>
    <t>Ｃ</t>
    <phoneticPr fontId="1"/>
  </si>
  <si>
    <t>Ｄ１</t>
    <phoneticPr fontId="1"/>
  </si>
  <si>
    <t>5億円超10億円以下</t>
    <rPh sb="1" eb="3">
      <t>オクエン</t>
    </rPh>
    <rPh sb="3" eb="4">
      <t>チョウ</t>
    </rPh>
    <rPh sb="8" eb="10">
      <t>イカ</t>
    </rPh>
    <phoneticPr fontId="1"/>
  </si>
  <si>
    <t xml:space="preserve">       別表
        の
       税率 </t>
    <rPh sb="7" eb="8">
      <t>ベツ</t>
    </rPh>
    <rPh sb="8" eb="9">
      <t>ヒョウ</t>
    </rPh>
    <rPh sb="27" eb="28">
      <t>ゼイ</t>
    </rPh>
    <rPh sb="28" eb="29">
      <t>リツ</t>
    </rPh>
    <phoneticPr fontId="1"/>
  </si>
  <si>
    <t>1.4%</t>
    <phoneticPr fontId="1"/>
  </si>
  <si>
    <t>Ｆ</t>
    <phoneticPr fontId="1"/>
  </si>
  <si>
    <t>日帰免除
宿泊150</t>
    <rPh sb="0" eb="2">
      <t>ヒガエ</t>
    </rPh>
    <rPh sb="2" eb="4">
      <t>メンジョ</t>
    </rPh>
    <rPh sb="5" eb="7">
      <t>シュクハク</t>
    </rPh>
    <phoneticPr fontId="1"/>
  </si>
  <si>
    <t>1億円以上5億円未満</t>
    <phoneticPr fontId="1"/>
  </si>
  <si>
    <t>2億円未満</t>
    <phoneticPr fontId="1"/>
  </si>
  <si>
    <t>2億円以上5億円未満</t>
    <phoneticPr fontId="1"/>
  </si>
  <si>
    <t>5億円以上</t>
    <phoneticPr fontId="1"/>
  </si>
  <si>
    <t>10億円以上</t>
    <rPh sb="2" eb="3">
      <t>オク</t>
    </rPh>
    <rPh sb="3" eb="6">
      <t>エンイジョウ</t>
    </rPh>
    <phoneticPr fontId="1"/>
  </si>
  <si>
    <t>1億円未満</t>
    <phoneticPr fontId="1"/>
  </si>
  <si>
    <t>Ａ2</t>
    <phoneticPr fontId="1"/>
  </si>
  <si>
    <t>８％</t>
    <phoneticPr fontId="1"/>
  </si>
  <si>
    <t>６％</t>
    <phoneticPr fontId="1"/>
  </si>
  <si>
    <t>軽自動車税種別割別表</t>
    <rPh sb="0" eb="4">
      <t>ケイジドウシャ</t>
    </rPh>
    <rPh sb="4" eb="5">
      <t>ゼイ</t>
    </rPh>
    <rPh sb="5" eb="7">
      <t>シュベツ</t>
    </rPh>
    <rPh sb="7" eb="8">
      <t>ワリ</t>
    </rPh>
    <rPh sb="8" eb="10">
      <t>ベッピョウ</t>
    </rPh>
    <phoneticPr fontId="1"/>
  </si>
  <si>
    <t>0.25％</t>
  </si>
  <si>
    <t>A1は、「資本金の額又は出資金の額」によって区分。</t>
    <phoneticPr fontId="1"/>
  </si>
  <si>
    <t>6,552円/千本</t>
    <rPh sb="5" eb="6">
      <t>エン</t>
    </rPh>
    <rPh sb="7" eb="9">
      <t>センホン</t>
    </rPh>
    <phoneticPr fontId="1"/>
  </si>
  <si>
    <t>総排気量50cc以下　等</t>
    <rPh sb="0" eb="1">
      <t>ソウ</t>
    </rPh>
    <rPh sb="1" eb="4">
      <t>ハイキリョウ</t>
    </rPh>
    <rPh sb="8" eb="10">
      <t>イカ</t>
    </rPh>
    <rPh sb="11" eb="12">
      <t>トウ</t>
    </rPh>
    <phoneticPr fontId="1"/>
  </si>
  <si>
    <t>総排気量50cc超90cc以下　等</t>
    <rPh sb="0" eb="1">
      <t>ソウ</t>
    </rPh>
    <rPh sb="1" eb="4">
      <t>ハイキリョウ</t>
    </rPh>
    <rPh sb="8" eb="9">
      <t>チョウ</t>
    </rPh>
    <rPh sb="13" eb="15">
      <t>イカ</t>
    </rPh>
    <rPh sb="16" eb="17">
      <t>トウ</t>
    </rPh>
    <phoneticPr fontId="1"/>
  </si>
  <si>
    <t>総排気量90cc超　等</t>
    <rPh sb="0" eb="1">
      <t>ソウ</t>
    </rPh>
    <rPh sb="1" eb="4">
      <t>ハイキリョウ</t>
    </rPh>
    <rPh sb="8" eb="9">
      <t>チョウ</t>
    </rPh>
    <rPh sb="10" eb="11">
      <t>トウ</t>
    </rPh>
    <phoneticPr fontId="1"/>
  </si>
  <si>
    <t>三輪以上総排気量20cc超　等</t>
    <rPh sb="0" eb="2">
      <t>サンリン</t>
    </rPh>
    <rPh sb="2" eb="4">
      <t>イジョウ</t>
    </rPh>
    <rPh sb="4" eb="5">
      <t>ソウ</t>
    </rPh>
    <rPh sb="5" eb="8">
      <t>ハイキリョウ</t>
    </rPh>
    <rPh sb="12" eb="13">
      <t>チョウ</t>
    </rPh>
    <rPh sb="14" eb="15">
      <t>ト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0.0%"/>
    <numFmt numFmtId="177" formatCode="#,##0_ "/>
    <numFmt numFmtId="178" formatCode="0.0"/>
  </numFmts>
  <fonts count="14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0"/>
      <name val="ＭＳ Ｐ明朝"/>
      <family val="1"/>
      <charset val="128"/>
    </font>
    <font>
      <sz val="11"/>
      <name val="ＭＳ Ｐ明朝"/>
      <family val="1"/>
      <charset val="128"/>
    </font>
    <font>
      <sz val="9"/>
      <name val="ＭＳ Ｐ明朝"/>
      <family val="1"/>
      <charset val="128"/>
    </font>
    <font>
      <sz val="10.5"/>
      <name val="ＭＳ Ｐ明朝"/>
      <family val="1"/>
      <charset val="128"/>
    </font>
    <font>
      <sz val="10.5"/>
      <name val="ＭＳ 明朝"/>
      <family val="1"/>
      <charset val="128"/>
    </font>
    <font>
      <sz val="12"/>
      <name val="ＭＳ Ｐ明朝"/>
      <family val="1"/>
      <charset val="128"/>
    </font>
    <font>
      <b/>
      <sz val="18"/>
      <name val="ＭＳ ゴシック"/>
      <family val="3"/>
      <charset val="128"/>
    </font>
    <font>
      <sz val="14"/>
      <name val="ＭＳ Ｐ明朝"/>
      <family val="1"/>
      <charset val="128"/>
    </font>
    <font>
      <sz val="12"/>
      <name val="ＭＳ 明朝"/>
      <family val="1"/>
      <charset val="128"/>
    </font>
    <font>
      <sz val="12"/>
      <name val="ＭＳ Ｐゴシック"/>
      <family val="3"/>
      <charset val="128"/>
    </font>
    <font>
      <sz val="8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92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/>
      <top style="dashed">
        <color indexed="64"/>
      </top>
      <bottom style="dashed">
        <color indexed="64"/>
      </bottom>
      <diagonal/>
    </border>
    <border>
      <left/>
      <right style="thin">
        <color indexed="64"/>
      </right>
      <top style="dashed">
        <color indexed="64"/>
      </top>
      <bottom style="dashed">
        <color indexed="64"/>
      </bottom>
      <diagonal/>
    </border>
    <border>
      <left/>
      <right/>
      <top style="thin">
        <color indexed="64"/>
      </top>
      <bottom style="dashed">
        <color indexed="64"/>
      </bottom>
      <diagonal/>
    </border>
    <border>
      <left/>
      <right style="medium">
        <color indexed="64"/>
      </right>
      <top style="thin">
        <color indexed="64"/>
      </top>
      <bottom style="dashed">
        <color indexed="64"/>
      </bottom>
      <diagonal/>
    </border>
    <border>
      <left/>
      <right/>
      <top style="dashed">
        <color indexed="64"/>
      </top>
      <bottom style="dashed">
        <color indexed="64"/>
      </bottom>
      <diagonal/>
    </border>
    <border>
      <left/>
      <right style="medium">
        <color indexed="64"/>
      </right>
      <top style="dashed">
        <color indexed="64"/>
      </top>
      <bottom style="dashed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dashed">
        <color indexed="64"/>
      </top>
      <bottom style="thin">
        <color indexed="64"/>
      </bottom>
      <diagonal/>
    </border>
    <border>
      <left/>
      <right style="thin">
        <color indexed="64"/>
      </right>
      <top style="dashed">
        <color indexed="64"/>
      </top>
      <bottom style="thin">
        <color indexed="64"/>
      </bottom>
      <diagonal/>
    </border>
    <border>
      <left/>
      <right/>
      <top style="dashed">
        <color indexed="64"/>
      </top>
      <bottom style="thin">
        <color indexed="64"/>
      </bottom>
      <diagonal/>
    </border>
    <border>
      <left/>
      <right style="medium">
        <color indexed="64"/>
      </right>
      <top style="dashed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dashed">
        <color indexed="64"/>
      </top>
      <bottom style="medium">
        <color indexed="64"/>
      </bottom>
      <diagonal/>
    </border>
    <border>
      <left/>
      <right style="thin">
        <color indexed="64"/>
      </right>
      <top style="dashed">
        <color indexed="64"/>
      </top>
      <bottom style="medium">
        <color indexed="64"/>
      </bottom>
      <diagonal/>
    </border>
    <border>
      <left/>
      <right/>
      <top style="dashed">
        <color indexed="64"/>
      </top>
      <bottom style="medium">
        <color indexed="64"/>
      </bottom>
      <diagonal/>
    </border>
    <border>
      <left/>
      <right style="medium">
        <color indexed="64"/>
      </right>
      <top style="dashed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dashed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 style="medium">
        <color indexed="64"/>
      </right>
      <top style="dashed">
        <color indexed="64"/>
      </top>
      <bottom style="dashed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ashed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dotted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314">
    <xf numFmtId="0" fontId="0" fillId="0" borderId="0" xfId="0"/>
    <xf numFmtId="0" fontId="2" fillId="0" borderId="0" xfId="0" applyFont="1" applyFill="1"/>
    <xf numFmtId="0" fontId="3" fillId="0" borderId="0" xfId="0" applyFont="1" applyFill="1"/>
    <xf numFmtId="0" fontId="4" fillId="0" borderId="0" xfId="0" applyFont="1" applyFill="1"/>
    <xf numFmtId="0" fontId="6" fillId="0" borderId="1" xfId="0" applyFont="1" applyFill="1" applyBorder="1" applyAlignment="1">
      <alignment horizontal="right" vertical="center" wrapText="1"/>
    </xf>
    <xf numFmtId="0" fontId="6" fillId="0" borderId="2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distributed" vertical="center" justifyLastLine="1"/>
    </xf>
    <xf numFmtId="0" fontId="3" fillId="0" borderId="0" xfId="0" applyFont="1" applyFill="1" applyBorder="1"/>
    <xf numFmtId="0" fontId="3" fillId="0" borderId="0" xfId="0" applyFont="1" applyFill="1" applyBorder="1" applyAlignment="1"/>
    <xf numFmtId="0" fontId="4" fillId="0" borderId="0" xfId="0" applyFont="1" applyFill="1" applyBorder="1" applyAlignment="1">
      <alignment vertical="center"/>
    </xf>
    <xf numFmtId="0" fontId="3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horizontal="left" vertical="center"/>
    </xf>
    <xf numFmtId="177" fontId="4" fillId="0" borderId="0" xfId="0" applyNumberFormat="1" applyFont="1" applyFill="1" applyBorder="1" applyAlignment="1">
      <alignment horizontal="right" vertical="center"/>
    </xf>
    <xf numFmtId="177" fontId="4" fillId="0" borderId="0" xfId="0" applyNumberFormat="1" applyFont="1" applyFill="1" applyBorder="1" applyAlignment="1">
      <alignment vertical="center"/>
    </xf>
    <xf numFmtId="0" fontId="4" fillId="0" borderId="0" xfId="0" applyFont="1" applyFill="1" applyBorder="1" applyAlignment="1">
      <alignment horizontal="left" vertical="center" wrapText="1"/>
    </xf>
    <xf numFmtId="0" fontId="4" fillId="0" borderId="0" xfId="0" applyFont="1" applyFill="1" applyBorder="1" applyAlignment="1">
      <alignment vertical="center" wrapText="1"/>
    </xf>
    <xf numFmtId="0" fontId="2" fillId="0" borderId="0" xfId="0" applyFont="1" applyFill="1" applyBorder="1"/>
    <xf numFmtId="0" fontId="7" fillId="0" borderId="3" xfId="0" applyFont="1" applyFill="1" applyBorder="1" applyAlignment="1">
      <alignment vertical="center" textRotation="255" wrapText="1"/>
    </xf>
    <xf numFmtId="0" fontId="7" fillId="0" borderId="0" xfId="0" applyFont="1" applyFill="1" applyBorder="1" applyAlignment="1">
      <alignment vertical="center" textRotation="255" wrapText="1"/>
    </xf>
    <xf numFmtId="0" fontId="8" fillId="0" borderId="0" xfId="0" applyFont="1" applyFill="1" applyBorder="1" applyAlignment="1">
      <alignment vertical="center"/>
    </xf>
    <xf numFmtId="0" fontId="8" fillId="0" borderId="0" xfId="0" applyFont="1" applyFill="1"/>
    <xf numFmtId="0" fontId="9" fillId="0" borderId="0" xfId="0" applyFont="1" applyFill="1"/>
    <xf numFmtId="0" fontId="8" fillId="0" borderId="9" xfId="0" applyFont="1" applyFill="1" applyBorder="1" applyAlignment="1">
      <alignment horizontal="left" vertical="center"/>
    </xf>
    <xf numFmtId="0" fontId="8" fillId="0" borderId="10" xfId="0" applyFont="1" applyFill="1" applyBorder="1" applyAlignment="1">
      <alignment horizontal="left" vertical="center"/>
    </xf>
    <xf numFmtId="3" fontId="4" fillId="0" borderId="1" xfId="0" applyNumberFormat="1" applyFont="1" applyFill="1" applyBorder="1" applyAlignment="1">
      <alignment horizontal="right" vertical="center"/>
    </xf>
    <xf numFmtId="0" fontId="4" fillId="0" borderId="1" xfId="0" applyFont="1" applyFill="1" applyBorder="1" applyAlignment="1">
      <alignment horizontal="right" vertical="center" wrapText="1"/>
    </xf>
    <xf numFmtId="0" fontId="8" fillId="0" borderId="18" xfId="0" applyFont="1" applyFill="1" applyBorder="1" applyAlignment="1">
      <alignment horizontal="center" vertical="center"/>
    </xf>
    <xf numFmtId="0" fontId="8" fillId="0" borderId="21" xfId="0" applyFont="1" applyFill="1" applyBorder="1" applyAlignment="1">
      <alignment horizontal="left" vertical="center"/>
    </xf>
    <xf numFmtId="0" fontId="8" fillId="0" borderId="22" xfId="0" applyFont="1" applyFill="1" applyBorder="1" applyAlignment="1">
      <alignment horizontal="left" vertical="center"/>
    </xf>
    <xf numFmtId="0" fontId="12" fillId="0" borderId="23" xfId="0" applyFont="1" applyFill="1" applyBorder="1" applyAlignment="1">
      <alignment horizontal="left" vertical="center"/>
    </xf>
    <xf numFmtId="0" fontId="10" fillId="0" borderId="0" xfId="0" applyFont="1" applyFill="1" applyBorder="1" applyAlignment="1">
      <alignment vertical="center"/>
    </xf>
    <xf numFmtId="0" fontId="8" fillId="0" borderId="24" xfId="0" applyFont="1" applyFill="1" applyBorder="1" applyAlignment="1">
      <alignment vertical="center"/>
    </xf>
    <xf numFmtId="0" fontId="8" fillId="0" borderId="5" xfId="0" applyFont="1" applyFill="1" applyBorder="1" applyAlignment="1">
      <alignment vertical="center"/>
    </xf>
    <xf numFmtId="0" fontId="8" fillId="0" borderId="19" xfId="0" applyFont="1" applyFill="1" applyBorder="1" applyAlignment="1">
      <alignment vertical="center"/>
    </xf>
    <xf numFmtId="3" fontId="4" fillId="0" borderId="2" xfId="0" applyNumberFormat="1" applyFont="1" applyFill="1" applyBorder="1" applyAlignment="1">
      <alignment horizontal="right" vertical="center"/>
    </xf>
    <xf numFmtId="0" fontId="4" fillId="0" borderId="2" xfId="0" applyFont="1" applyFill="1" applyBorder="1" applyAlignment="1">
      <alignment horizontal="right" vertical="center" wrapText="1"/>
    </xf>
    <xf numFmtId="0" fontId="4" fillId="0" borderId="2" xfId="0" applyFont="1" applyFill="1" applyBorder="1" applyAlignment="1">
      <alignment horizontal="center" vertical="center" wrapText="1"/>
    </xf>
    <xf numFmtId="0" fontId="8" fillId="0" borderId="25" xfId="0" applyFont="1" applyFill="1" applyBorder="1" applyAlignment="1">
      <alignment horizontal="center" vertical="center"/>
    </xf>
    <xf numFmtId="0" fontId="8" fillId="0" borderId="16" xfId="0" applyFont="1" applyFill="1" applyBorder="1" applyAlignment="1">
      <alignment horizontal="center" vertical="center"/>
    </xf>
    <xf numFmtId="0" fontId="8" fillId="0" borderId="0" xfId="0" applyFont="1" applyFill="1" applyBorder="1" applyAlignment="1">
      <alignment vertical="center" wrapText="1"/>
    </xf>
    <xf numFmtId="9" fontId="8" fillId="0" borderId="4" xfId="0" applyNumberFormat="1" applyFont="1" applyFill="1" applyBorder="1" applyAlignment="1">
      <alignment horizontal="right" vertical="center" wrapText="1"/>
    </xf>
    <xf numFmtId="0" fontId="8" fillId="0" borderId="4" xfId="0" applyFont="1" applyFill="1" applyBorder="1" applyAlignment="1">
      <alignment horizontal="right"/>
    </xf>
    <xf numFmtId="49" fontId="8" fillId="0" borderId="0" xfId="0" applyNumberFormat="1" applyFont="1" applyFill="1" applyBorder="1" applyAlignment="1">
      <alignment horizontal="center" vertical="center"/>
    </xf>
    <xf numFmtId="0" fontId="0" fillId="0" borderId="0" xfId="0" applyFont="1" applyFill="1"/>
    <xf numFmtId="0" fontId="0" fillId="0" borderId="0" xfId="0" applyFont="1" applyFill="1" applyBorder="1" applyAlignment="1">
      <alignment horizontal="left" vertical="center"/>
    </xf>
    <xf numFmtId="0" fontId="0" fillId="0" borderId="0" xfId="0" applyFont="1" applyFill="1" applyBorder="1"/>
    <xf numFmtId="176" fontId="8" fillId="0" borderId="26" xfId="0" applyNumberFormat="1" applyFont="1" applyFill="1" applyBorder="1" applyAlignment="1">
      <alignment horizontal="center" vertical="center"/>
    </xf>
    <xf numFmtId="177" fontId="8" fillId="0" borderId="20" xfId="0" applyNumberFormat="1" applyFont="1" applyFill="1" applyBorder="1" applyAlignment="1">
      <alignment vertical="center"/>
    </xf>
    <xf numFmtId="0" fontId="12" fillId="0" borderId="4" xfId="0" applyFont="1" applyFill="1" applyBorder="1" applyAlignment="1">
      <alignment horizontal="center" vertical="center" textRotation="255"/>
    </xf>
    <xf numFmtId="0" fontId="12" fillId="0" borderId="4" xfId="0" applyFont="1" applyFill="1" applyBorder="1" applyAlignment="1">
      <alignment horizontal="center" vertical="center" textRotation="255" wrapText="1"/>
    </xf>
    <xf numFmtId="0" fontId="12" fillId="0" borderId="4" xfId="0" applyFont="1" applyFill="1" applyBorder="1" applyAlignment="1">
      <alignment horizontal="center" vertical="distributed" textRotation="255"/>
    </xf>
    <xf numFmtId="0" fontId="12" fillId="0" borderId="5" xfId="0" applyFont="1" applyFill="1" applyBorder="1" applyAlignment="1">
      <alignment horizontal="center" vertical="center" textRotation="255"/>
    </xf>
    <xf numFmtId="0" fontId="12" fillId="0" borderId="8" xfId="0" applyFont="1" applyFill="1" applyBorder="1" applyAlignment="1">
      <alignment horizontal="right" vertical="top"/>
    </xf>
    <xf numFmtId="0" fontId="12" fillId="0" borderId="11" xfId="0" applyFont="1" applyFill="1" applyBorder="1" applyAlignment="1">
      <alignment horizontal="center" vertical="center"/>
    </xf>
    <xf numFmtId="0" fontId="12" fillId="0" borderId="1" xfId="0" applyFont="1" applyFill="1" applyBorder="1" applyAlignment="1">
      <alignment horizontal="center" vertical="center"/>
    </xf>
    <xf numFmtId="0" fontId="12" fillId="0" borderId="1" xfId="0" applyFont="1" applyFill="1" applyBorder="1" applyAlignment="1">
      <alignment horizontal="center" vertical="center" textRotation="255"/>
    </xf>
    <xf numFmtId="0" fontId="12" fillId="0" borderId="1" xfId="0" applyFont="1" applyFill="1" applyBorder="1" applyAlignment="1">
      <alignment horizontal="center" vertical="center" textRotation="255" wrapText="1"/>
    </xf>
    <xf numFmtId="0" fontId="12" fillId="0" borderId="12" xfId="0" applyFont="1" applyFill="1" applyBorder="1" applyAlignment="1">
      <alignment horizontal="center" vertical="center" textRotation="255"/>
    </xf>
    <xf numFmtId="0" fontId="12" fillId="0" borderId="13" xfId="0" applyFont="1" applyFill="1" applyBorder="1"/>
    <xf numFmtId="9" fontId="12" fillId="0" borderId="2" xfId="0" applyNumberFormat="1" applyFont="1" applyFill="1" applyBorder="1" applyAlignment="1">
      <alignment horizontal="right" vertical="center" wrapText="1"/>
    </xf>
    <xf numFmtId="0" fontId="12" fillId="0" borderId="2" xfId="0" applyFont="1" applyFill="1" applyBorder="1" applyAlignment="1">
      <alignment vertical="center" wrapText="1"/>
    </xf>
    <xf numFmtId="0" fontId="12" fillId="0" borderId="14" xfId="0" applyFont="1" applyFill="1" applyBorder="1" applyAlignment="1">
      <alignment vertical="center" wrapText="1"/>
    </xf>
    <xf numFmtId="0" fontId="12" fillId="0" borderId="15" xfId="0" applyFont="1" applyFill="1" applyBorder="1"/>
    <xf numFmtId="0" fontId="12" fillId="0" borderId="16" xfId="0" applyFont="1" applyFill="1" applyBorder="1" applyAlignment="1">
      <alignment horizontal="right" vertical="center"/>
    </xf>
    <xf numFmtId="0" fontId="12" fillId="0" borderId="17" xfId="0" applyFont="1" applyFill="1" applyBorder="1" applyAlignment="1">
      <alignment horizontal="distributed" vertical="center"/>
    </xf>
    <xf numFmtId="0" fontId="12" fillId="0" borderId="21" xfId="0" applyFont="1" applyFill="1" applyBorder="1" applyAlignment="1">
      <alignment horizontal="distributed" vertical="center"/>
    </xf>
    <xf numFmtId="49" fontId="8" fillId="0" borderId="1" xfId="0" applyNumberFormat="1" applyFont="1" applyFill="1" applyBorder="1" applyAlignment="1">
      <alignment horizontal="center" vertical="top" wrapText="1"/>
    </xf>
    <xf numFmtId="0" fontId="4" fillId="0" borderId="1" xfId="0" applyFont="1" applyFill="1" applyBorder="1" applyAlignment="1">
      <alignment horizontal="center" vertical="center" wrapText="1"/>
    </xf>
    <xf numFmtId="0" fontId="8" fillId="0" borderId="19" xfId="0" applyFont="1" applyFill="1" applyBorder="1" applyAlignment="1">
      <alignment horizontal="center" vertical="center"/>
    </xf>
    <xf numFmtId="0" fontId="8" fillId="0" borderId="20" xfId="0" applyFont="1" applyFill="1" applyBorder="1" applyAlignment="1">
      <alignment horizontal="center" vertical="center"/>
    </xf>
    <xf numFmtId="0" fontId="8" fillId="0" borderId="6" xfId="0" applyFont="1" applyFill="1" applyBorder="1" applyAlignment="1">
      <alignment horizontal="center" vertical="center"/>
    </xf>
    <xf numFmtId="0" fontId="8" fillId="0" borderId="7" xfId="0" applyFont="1" applyFill="1" applyBorder="1" applyAlignment="1">
      <alignment horizontal="center" vertical="center"/>
    </xf>
    <xf numFmtId="0" fontId="8" fillId="0" borderId="0" xfId="0" applyFont="1" applyFill="1" applyBorder="1" applyAlignment="1">
      <alignment horizontal="center" vertical="center"/>
    </xf>
    <xf numFmtId="0" fontId="12" fillId="0" borderId="2" xfId="0" applyFont="1" applyFill="1" applyBorder="1" applyAlignment="1">
      <alignment horizontal="right"/>
    </xf>
    <xf numFmtId="0" fontId="8" fillId="0" borderId="0" xfId="0" applyFont="1" applyFill="1" applyBorder="1" applyAlignment="1">
      <alignment horizontal="center" vertical="center"/>
    </xf>
    <xf numFmtId="0" fontId="13" fillId="0" borderId="0" xfId="0" applyFont="1" applyFill="1" applyAlignment="1">
      <alignment vertical="top"/>
    </xf>
    <xf numFmtId="0" fontId="0" fillId="0" borderId="0" xfId="0" applyFont="1" applyFill="1" applyAlignment="1">
      <alignment horizontal="center"/>
    </xf>
    <xf numFmtId="49" fontId="8" fillId="0" borderId="0" xfId="0" applyNumberFormat="1" applyFont="1" applyFill="1" applyBorder="1" applyAlignment="1">
      <alignment vertical="center"/>
    </xf>
    <xf numFmtId="0" fontId="8" fillId="0" borderId="0" xfId="0" applyFont="1" applyFill="1" applyBorder="1" applyAlignment="1">
      <alignment vertical="top"/>
    </xf>
    <xf numFmtId="0" fontId="8" fillId="0" borderId="0" xfId="0" applyFont="1" applyFill="1" applyBorder="1" applyAlignment="1">
      <alignment horizontal="left" vertical="top"/>
    </xf>
    <xf numFmtId="0" fontId="8" fillId="0" borderId="42" xfId="0" applyFont="1" applyFill="1" applyBorder="1" applyAlignment="1">
      <alignment vertical="center"/>
    </xf>
    <xf numFmtId="0" fontId="8" fillId="0" borderId="12" xfId="0" applyFont="1" applyFill="1" applyBorder="1" applyAlignment="1">
      <alignment vertical="center"/>
    </xf>
    <xf numFmtId="0" fontId="8" fillId="0" borderId="43" xfId="0" applyFont="1" applyFill="1" applyBorder="1" applyAlignment="1">
      <alignment vertical="center"/>
    </xf>
    <xf numFmtId="0" fontId="12" fillId="0" borderId="35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0" fontId="12" fillId="0" borderId="36" xfId="0" applyFont="1" applyFill="1" applyBorder="1" applyAlignment="1">
      <alignment horizontal="distributed" vertical="center"/>
    </xf>
    <xf numFmtId="0" fontId="8" fillId="0" borderId="29" xfId="0" applyFont="1" applyFill="1" applyBorder="1" applyAlignment="1">
      <alignment horizontal="left" vertical="center"/>
    </xf>
    <xf numFmtId="0" fontId="8" fillId="0" borderId="30" xfId="0" applyFont="1" applyFill="1" applyBorder="1" applyAlignment="1">
      <alignment horizontal="left" vertical="center"/>
    </xf>
    <xf numFmtId="0" fontId="4" fillId="0" borderId="11" xfId="0" applyFont="1" applyFill="1" applyBorder="1" applyAlignment="1">
      <alignment horizontal="center" vertical="center" wrapText="1" shrinkToFit="1"/>
    </xf>
    <xf numFmtId="0" fontId="4" fillId="0" borderId="44" xfId="0" applyFont="1" applyFill="1" applyBorder="1" applyAlignment="1">
      <alignment horizontal="center" vertical="center" wrapText="1" shrinkToFit="1"/>
    </xf>
    <xf numFmtId="0" fontId="8" fillId="0" borderId="42" xfId="0" applyFont="1" applyFill="1" applyBorder="1" applyAlignment="1">
      <alignment horizontal="center" vertical="center"/>
    </xf>
    <xf numFmtId="0" fontId="8" fillId="0" borderId="43" xfId="0" applyFont="1" applyFill="1" applyBorder="1" applyAlignment="1">
      <alignment horizontal="center" vertical="center"/>
    </xf>
    <xf numFmtId="0" fontId="8" fillId="0" borderId="45" xfId="0" applyFont="1" applyFill="1" applyBorder="1" applyAlignment="1">
      <alignment horizontal="center" vertical="center"/>
    </xf>
    <xf numFmtId="0" fontId="8" fillId="0" borderId="46" xfId="0" applyFont="1" applyFill="1" applyBorder="1" applyAlignment="1">
      <alignment horizontal="center" vertical="center"/>
    </xf>
    <xf numFmtId="0" fontId="8" fillId="0" borderId="11" xfId="0" applyFont="1" applyFill="1" applyBorder="1" applyAlignment="1">
      <alignment horizontal="center" vertical="center"/>
    </xf>
    <xf numFmtId="0" fontId="8" fillId="0" borderId="44" xfId="0" applyFont="1" applyFill="1" applyBorder="1" applyAlignment="1">
      <alignment horizontal="center" vertical="center"/>
    </xf>
    <xf numFmtId="176" fontId="8" fillId="0" borderId="45" xfId="0" applyNumberFormat="1" applyFont="1" applyFill="1" applyBorder="1" applyAlignment="1">
      <alignment horizontal="center" vertical="center"/>
    </xf>
    <xf numFmtId="176" fontId="8" fillId="0" borderId="48" xfId="0" applyNumberFormat="1" applyFont="1" applyFill="1" applyBorder="1" applyAlignment="1">
      <alignment horizontal="center" vertical="center"/>
    </xf>
    <xf numFmtId="176" fontId="8" fillId="0" borderId="46" xfId="0" applyNumberFormat="1" applyFont="1" applyFill="1" applyBorder="1" applyAlignment="1">
      <alignment horizontal="center" vertical="center"/>
    </xf>
    <xf numFmtId="0" fontId="8" fillId="0" borderId="35" xfId="0" applyFont="1" applyFill="1" applyBorder="1" applyAlignment="1">
      <alignment horizontal="center" vertical="center"/>
    </xf>
    <xf numFmtId="0" fontId="8" fillId="0" borderId="8" xfId="0" applyFont="1" applyFill="1" applyBorder="1" applyAlignment="1">
      <alignment horizontal="center" vertical="center"/>
    </xf>
    <xf numFmtId="0" fontId="8" fillId="0" borderId="36" xfId="0" applyFont="1" applyFill="1" applyBorder="1" applyAlignment="1">
      <alignment horizontal="center" vertical="center"/>
    </xf>
    <xf numFmtId="0" fontId="8" fillId="0" borderId="37" xfId="0" applyFont="1" applyFill="1" applyBorder="1" applyAlignment="1">
      <alignment horizontal="center" vertical="center"/>
    </xf>
    <xf numFmtId="0" fontId="8" fillId="0" borderId="61" xfId="0" applyFont="1" applyFill="1" applyBorder="1" applyAlignment="1">
      <alignment horizontal="left" vertical="center"/>
    </xf>
    <xf numFmtId="0" fontId="8" fillId="0" borderId="62" xfId="0" applyFont="1" applyFill="1" applyBorder="1" applyAlignment="1">
      <alignment horizontal="left" vertical="center"/>
    </xf>
    <xf numFmtId="0" fontId="5" fillId="0" borderId="11" xfId="0" applyFont="1" applyFill="1" applyBorder="1" applyAlignment="1">
      <alignment horizontal="center" vertical="center" wrapText="1" shrinkToFit="1"/>
    </xf>
    <xf numFmtId="0" fontId="5" fillId="0" borderId="44" xfId="0" applyFont="1" applyFill="1" applyBorder="1" applyAlignment="1">
      <alignment horizontal="center" vertical="center" wrapText="1" shrinkToFit="1"/>
    </xf>
    <xf numFmtId="0" fontId="8" fillId="0" borderId="11" xfId="0" applyFont="1" applyFill="1" applyBorder="1" applyAlignment="1">
      <alignment vertical="center"/>
    </xf>
    <xf numFmtId="0" fontId="8" fillId="0" borderId="44" xfId="0" applyFont="1" applyFill="1" applyBorder="1" applyAlignment="1">
      <alignment vertical="center"/>
    </xf>
    <xf numFmtId="0" fontId="8" fillId="0" borderId="1" xfId="0" applyFont="1" applyFill="1" applyBorder="1" applyAlignment="1">
      <alignment horizontal="center" vertical="center"/>
    </xf>
    <xf numFmtId="0" fontId="8" fillId="0" borderId="12" xfId="0" applyFont="1" applyFill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 wrapText="1" shrinkToFit="1"/>
    </xf>
    <xf numFmtId="0" fontId="8" fillId="0" borderId="1" xfId="0" applyFont="1" applyFill="1" applyBorder="1" applyAlignment="1">
      <alignment vertical="center"/>
    </xf>
    <xf numFmtId="0" fontId="8" fillId="0" borderId="59" xfId="0" applyFont="1" applyFill="1" applyBorder="1" applyAlignment="1">
      <alignment horizontal="center" vertical="center"/>
    </xf>
    <xf numFmtId="0" fontId="8" fillId="0" borderId="60" xfId="0" applyFont="1" applyFill="1" applyBorder="1" applyAlignment="1">
      <alignment horizontal="center" vertical="center"/>
    </xf>
    <xf numFmtId="0" fontId="8" fillId="0" borderId="53" xfId="0" applyFont="1" applyFill="1" applyBorder="1" applyAlignment="1">
      <alignment horizontal="center" vertical="center"/>
    </xf>
    <xf numFmtId="0" fontId="8" fillId="0" borderId="54" xfId="0" applyFont="1" applyFill="1" applyBorder="1" applyAlignment="1">
      <alignment horizontal="center" vertical="center"/>
    </xf>
    <xf numFmtId="0" fontId="8" fillId="0" borderId="47" xfId="0" applyFont="1" applyFill="1" applyBorder="1" applyAlignment="1">
      <alignment horizontal="center" vertical="center"/>
    </xf>
    <xf numFmtId="0" fontId="8" fillId="0" borderId="19" xfId="0" applyFont="1" applyFill="1" applyBorder="1" applyAlignment="1">
      <alignment horizontal="center" vertical="center"/>
    </xf>
    <xf numFmtId="0" fontId="8" fillId="0" borderId="90" xfId="0" applyFont="1" applyFill="1" applyBorder="1" applyAlignment="1">
      <alignment horizontal="center" vertical="center"/>
    </xf>
    <xf numFmtId="0" fontId="8" fillId="0" borderId="25" xfId="0" applyFont="1" applyFill="1" applyBorder="1" applyAlignment="1">
      <alignment horizontal="center" vertical="center"/>
    </xf>
    <xf numFmtId="0" fontId="8" fillId="0" borderId="29" xfId="0" applyFont="1" applyFill="1" applyBorder="1" applyAlignment="1">
      <alignment horizontal="center" vertical="center"/>
    </xf>
    <xf numFmtId="0" fontId="8" fillId="0" borderId="33" xfId="0" applyFont="1" applyFill="1" applyBorder="1" applyAlignment="1">
      <alignment horizontal="center" vertical="center"/>
    </xf>
    <xf numFmtId="0" fontId="8" fillId="0" borderId="34" xfId="0" applyFont="1" applyFill="1" applyBorder="1" applyAlignment="1">
      <alignment horizontal="center" vertical="center"/>
    </xf>
    <xf numFmtId="0" fontId="8" fillId="0" borderId="61" xfId="0" applyFont="1" applyFill="1" applyBorder="1" applyAlignment="1">
      <alignment horizontal="center" vertical="center"/>
    </xf>
    <xf numFmtId="0" fontId="8" fillId="0" borderId="63" xfId="0" applyFont="1" applyFill="1" applyBorder="1" applyAlignment="1">
      <alignment horizontal="center" vertical="center"/>
    </xf>
    <xf numFmtId="0" fontId="8" fillId="0" borderId="64" xfId="0" applyFont="1" applyFill="1" applyBorder="1" applyAlignment="1">
      <alignment horizontal="center" vertical="center"/>
    </xf>
    <xf numFmtId="0" fontId="8" fillId="0" borderId="65" xfId="0" applyFont="1" applyFill="1" applyBorder="1" applyAlignment="1">
      <alignment horizontal="center" vertical="center"/>
    </xf>
    <xf numFmtId="0" fontId="8" fillId="0" borderId="66" xfId="0" applyFont="1" applyFill="1" applyBorder="1" applyAlignment="1">
      <alignment horizontal="center" vertical="center"/>
    </xf>
    <xf numFmtId="0" fontId="8" fillId="0" borderId="67" xfId="0" applyFont="1" applyFill="1" applyBorder="1" applyAlignment="1">
      <alignment horizontal="center" vertical="center"/>
    </xf>
    <xf numFmtId="0" fontId="8" fillId="0" borderId="68" xfId="0" applyFont="1" applyFill="1" applyBorder="1" applyAlignment="1">
      <alignment horizontal="center" vertical="center"/>
    </xf>
    <xf numFmtId="0" fontId="8" fillId="0" borderId="14" xfId="0" applyFont="1" applyFill="1" applyBorder="1" applyAlignment="1">
      <alignment horizontal="center" vertical="center"/>
    </xf>
    <xf numFmtId="0" fontId="8" fillId="0" borderId="87" xfId="0" applyFont="1" applyFill="1" applyBorder="1" applyAlignment="1">
      <alignment horizontal="center" vertical="center"/>
    </xf>
    <xf numFmtId="0" fontId="8" fillId="0" borderId="20" xfId="0" applyFont="1" applyFill="1" applyBorder="1" applyAlignment="1">
      <alignment horizontal="center" vertical="center"/>
    </xf>
    <xf numFmtId="0" fontId="8" fillId="0" borderId="91" xfId="0" applyFont="1" applyFill="1" applyBorder="1" applyAlignment="1">
      <alignment horizontal="center" vertical="center"/>
    </xf>
    <xf numFmtId="0" fontId="8" fillId="0" borderId="27" xfId="0" applyFont="1" applyFill="1" applyBorder="1" applyAlignment="1">
      <alignment horizontal="left" vertical="center"/>
    </xf>
    <xf numFmtId="0" fontId="8" fillId="0" borderId="28" xfId="0" applyFont="1" applyFill="1" applyBorder="1" applyAlignment="1">
      <alignment horizontal="left" vertical="center"/>
    </xf>
    <xf numFmtId="178" fontId="8" fillId="0" borderId="27" xfId="0" applyNumberFormat="1" applyFont="1" applyFill="1" applyBorder="1" applyAlignment="1">
      <alignment horizontal="center" vertical="center"/>
    </xf>
    <xf numFmtId="178" fontId="8" fillId="0" borderId="31" xfId="0" applyNumberFormat="1" applyFont="1" applyFill="1" applyBorder="1" applyAlignment="1">
      <alignment horizontal="center" vertical="center"/>
    </xf>
    <xf numFmtId="178" fontId="8" fillId="0" borderId="32" xfId="0" applyNumberFormat="1" applyFont="1" applyFill="1" applyBorder="1" applyAlignment="1">
      <alignment horizontal="center" vertical="center"/>
    </xf>
    <xf numFmtId="178" fontId="8" fillId="0" borderId="29" xfId="0" applyNumberFormat="1" applyFont="1" applyFill="1" applyBorder="1" applyAlignment="1">
      <alignment horizontal="center" vertical="center"/>
    </xf>
    <xf numFmtId="178" fontId="8" fillId="0" borderId="33" xfId="0" applyNumberFormat="1" applyFont="1" applyFill="1" applyBorder="1" applyAlignment="1">
      <alignment horizontal="center" vertical="center"/>
    </xf>
    <xf numFmtId="178" fontId="8" fillId="0" borderId="34" xfId="0" applyNumberFormat="1" applyFont="1" applyFill="1" applyBorder="1" applyAlignment="1">
      <alignment horizontal="center" vertical="center"/>
    </xf>
    <xf numFmtId="0" fontId="10" fillId="0" borderId="0" xfId="0" applyFont="1" applyFill="1" applyBorder="1" applyAlignment="1">
      <alignment horizontal="left" vertical="center" wrapText="1"/>
    </xf>
    <xf numFmtId="0" fontId="8" fillId="0" borderId="24" xfId="0" applyFont="1" applyFill="1" applyBorder="1" applyAlignment="1">
      <alignment horizontal="center" vertical="center" wrapText="1"/>
    </xf>
    <xf numFmtId="0" fontId="8" fillId="0" borderId="88" xfId="0" applyFont="1" applyFill="1" applyBorder="1" applyAlignment="1">
      <alignment horizontal="center" vertical="center" wrapText="1"/>
    </xf>
    <xf numFmtId="0" fontId="8" fillId="0" borderId="47" xfId="0" applyFont="1" applyFill="1" applyBorder="1" applyAlignment="1">
      <alignment horizontal="center" vertical="center" wrapText="1"/>
    </xf>
    <xf numFmtId="0" fontId="8" fillId="0" borderId="19" xfId="0" applyFont="1" applyFill="1" applyBorder="1" applyAlignment="1">
      <alignment horizontal="center" vertical="center" wrapText="1"/>
    </xf>
    <xf numFmtId="0" fontId="8" fillId="0" borderId="49" xfId="0" applyFont="1" applyFill="1" applyBorder="1" applyAlignment="1">
      <alignment horizontal="center" vertical="center"/>
    </xf>
    <xf numFmtId="0" fontId="8" fillId="0" borderId="50" xfId="0" applyFont="1" applyFill="1" applyBorder="1" applyAlignment="1">
      <alignment horizontal="center" vertical="center"/>
    </xf>
    <xf numFmtId="0" fontId="8" fillId="0" borderId="51" xfId="0" applyFont="1" applyFill="1" applyBorder="1" applyAlignment="1">
      <alignment horizontal="center" vertical="center"/>
    </xf>
    <xf numFmtId="0" fontId="8" fillId="0" borderId="52" xfId="0" applyFont="1" applyFill="1" applyBorder="1" applyAlignment="1">
      <alignment horizontal="center" vertical="center"/>
    </xf>
    <xf numFmtId="0" fontId="8" fillId="0" borderId="13" xfId="0" applyFont="1" applyFill="1" applyBorder="1" applyAlignment="1">
      <alignment horizontal="center" vertical="center"/>
    </xf>
    <xf numFmtId="0" fontId="8" fillId="0" borderId="15" xfId="0" applyFont="1" applyFill="1" applyBorder="1" applyAlignment="1">
      <alignment horizontal="center" vertical="center"/>
    </xf>
    <xf numFmtId="0" fontId="8" fillId="0" borderId="38" xfId="0" applyFont="1" applyFill="1" applyBorder="1" applyAlignment="1">
      <alignment horizontal="center" vertical="center"/>
    </xf>
    <xf numFmtId="0" fontId="8" fillId="0" borderId="40" xfId="0" applyFont="1" applyFill="1" applyBorder="1" applyAlignment="1">
      <alignment horizontal="center" vertical="center"/>
    </xf>
    <xf numFmtId="0" fontId="8" fillId="0" borderId="41" xfId="0" applyFont="1" applyFill="1" applyBorder="1" applyAlignment="1">
      <alignment horizontal="center" vertical="center"/>
    </xf>
    <xf numFmtId="0" fontId="8" fillId="0" borderId="38" xfId="0" applyFont="1" applyFill="1" applyBorder="1" applyAlignment="1">
      <alignment horizontal="left" vertical="center"/>
    </xf>
    <xf numFmtId="0" fontId="8" fillId="0" borderId="39" xfId="0" applyFont="1" applyFill="1" applyBorder="1" applyAlignment="1">
      <alignment horizontal="left" vertical="center"/>
    </xf>
    <xf numFmtId="0" fontId="8" fillId="0" borderId="88" xfId="0" applyFont="1" applyFill="1" applyBorder="1" applyAlignment="1">
      <alignment horizontal="center" vertical="center"/>
    </xf>
    <xf numFmtId="0" fontId="8" fillId="0" borderId="89" xfId="0" applyFont="1" applyFill="1" applyBorder="1" applyAlignment="1">
      <alignment horizontal="center" vertical="center"/>
    </xf>
    <xf numFmtId="0" fontId="8" fillId="0" borderId="48" xfId="0" applyFont="1" applyFill="1" applyBorder="1" applyAlignment="1">
      <alignment horizontal="center" vertical="center"/>
    </xf>
    <xf numFmtId="0" fontId="4" fillId="0" borderId="19" xfId="0" applyFont="1" applyFill="1" applyBorder="1" applyAlignment="1">
      <alignment horizontal="center" vertical="center" wrapText="1"/>
    </xf>
    <xf numFmtId="0" fontId="4" fillId="0" borderId="11" xfId="0" applyFont="1" applyFill="1" applyBorder="1" applyAlignment="1">
      <alignment horizontal="center" vertical="center" wrapText="1"/>
    </xf>
    <xf numFmtId="0" fontId="4" fillId="0" borderId="44" xfId="0" applyFont="1" applyFill="1" applyBorder="1" applyAlignment="1">
      <alignment horizontal="center" vertical="center" wrapText="1"/>
    </xf>
    <xf numFmtId="0" fontId="12" fillId="0" borderId="47" xfId="0" applyFont="1" applyFill="1" applyBorder="1" applyAlignment="1">
      <alignment horizontal="distributed" vertical="center"/>
    </xf>
    <xf numFmtId="0" fontId="4" fillId="0" borderId="1" xfId="0" applyFont="1" applyFill="1" applyBorder="1" applyAlignment="1">
      <alignment horizontal="center" vertical="center" wrapText="1"/>
    </xf>
    <xf numFmtId="49" fontId="4" fillId="0" borderId="1" xfId="0" applyNumberFormat="1" applyFont="1" applyFill="1" applyBorder="1" applyAlignment="1">
      <alignment horizontal="center" vertical="center" wrapText="1"/>
    </xf>
    <xf numFmtId="0" fontId="8" fillId="0" borderId="72" xfId="0" applyFont="1" applyFill="1" applyBorder="1" applyAlignment="1">
      <alignment horizontal="center" vertical="center"/>
    </xf>
    <xf numFmtId="0" fontId="8" fillId="0" borderId="74" xfId="0" applyFont="1" applyFill="1" applyBorder="1" applyAlignment="1">
      <alignment horizontal="center" vertical="center"/>
    </xf>
    <xf numFmtId="0" fontId="10" fillId="0" borderId="0" xfId="0" applyFont="1" applyFill="1" applyBorder="1" applyAlignment="1">
      <alignment horizontal="left" vertical="center"/>
    </xf>
    <xf numFmtId="0" fontId="8" fillId="0" borderId="72" xfId="0" applyFont="1" applyFill="1" applyBorder="1" applyAlignment="1">
      <alignment horizontal="left" vertical="center"/>
    </xf>
    <xf numFmtId="0" fontId="8" fillId="0" borderId="75" xfId="0" applyFont="1" applyFill="1" applyBorder="1" applyAlignment="1">
      <alignment horizontal="left" vertical="center"/>
    </xf>
    <xf numFmtId="0" fontId="8" fillId="0" borderId="75" xfId="0" applyFont="1" applyFill="1" applyBorder="1" applyAlignment="1">
      <alignment horizontal="center" vertical="center"/>
    </xf>
    <xf numFmtId="0" fontId="8" fillId="0" borderId="76" xfId="0" applyFont="1" applyFill="1" applyBorder="1" applyAlignment="1">
      <alignment horizontal="center" vertical="center"/>
    </xf>
    <xf numFmtId="0" fontId="8" fillId="0" borderId="49" xfId="0" applyFont="1" applyFill="1" applyBorder="1" applyAlignment="1">
      <alignment horizontal="left" vertical="center"/>
    </xf>
    <xf numFmtId="0" fontId="8" fillId="0" borderId="69" xfId="0" applyFont="1" applyFill="1" applyBorder="1" applyAlignment="1">
      <alignment horizontal="left" vertical="center"/>
    </xf>
    <xf numFmtId="0" fontId="8" fillId="0" borderId="50" xfId="0" applyFont="1" applyFill="1" applyBorder="1" applyAlignment="1">
      <alignment horizontal="left" vertical="center"/>
    </xf>
    <xf numFmtId="0" fontId="8" fillId="0" borderId="13" xfId="0" applyFont="1" applyFill="1" applyBorder="1" applyAlignment="1">
      <alignment horizontal="left" vertical="center"/>
    </xf>
    <xf numFmtId="0" fontId="8" fillId="0" borderId="70" xfId="0" applyFont="1" applyFill="1" applyBorder="1" applyAlignment="1">
      <alignment horizontal="left" vertical="center"/>
    </xf>
    <xf numFmtId="0" fontId="8" fillId="0" borderId="15" xfId="0" applyFont="1" applyFill="1" applyBorder="1" applyAlignment="1">
      <alignment horizontal="left" vertical="center"/>
    </xf>
    <xf numFmtId="0" fontId="13" fillId="0" borderId="0" xfId="0" applyFont="1" applyFill="1" applyAlignment="1">
      <alignment horizontal="left" vertical="top"/>
    </xf>
    <xf numFmtId="0" fontId="8" fillId="0" borderId="55" xfId="0" applyFont="1" applyFill="1" applyBorder="1" applyAlignment="1">
      <alignment horizontal="center" vertical="center"/>
    </xf>
    <xf numFmtId="0" fontId="8" fillId="0" borderId="56" xfId="0" applyFont="1" applyFill="1" applyBorder="1" applyAlignment="1">
      <alignment horizontal="center" vertical="center"/>
    </xf>
    <xf numFmtId="0" fontId="8" fillId="0" borderId="57" xfId="0" applyFont="1" applyFill="1" applyBorder="1" applyAlignment="1">
      <alignment horizontal="center" vertical="center"/>
    </xf>
    <xf numFmtId="0" fontId="8" fillId="0" borderId="58" xfId="0" applyFont="1" applyFill="1" applyBorder="1" applyAlignment="1">
      <alignment horizontal="center" vertical="center"/>
    </xf>
    <xf numFmtId="0" fontId="8" fillId="0" borderId="19" xfId="0" applyFont="1" applyFill="1" applyBorder="1" applyAlignment="1">
      <alignment horizontal="left" vertical="center" wrapText="1"/>
    </xf>
    <xf numFmtId="0" fontId="8" fillId="0" borderId="19" xfId="0" applyFont="1" applyFill="1" applyBorder="1" applyAlignment="1">
      <alignment horizontal="left" vertical="center"/>
    </xf>
    <xf numFmtId="177" fontId="8" fillId="0" borderId="20" xfId="0" applyNumberFormat="1" applyFont="1" applyFill="1" applyBorder="1" applyAlignment="1">
      <alignment horizontal="right" vertical="center"/>
    </xf>
    <xf numFmtId="3" fontId="8" fillId="0" borderId="1" xfId="0" applyNumberFormat="1" applyFont="1" applyFill="1" applyBorder="1" applyAlignment="1">
      <alignment horizontal="right" vertical="center"/>
    </xf>
    <xf numFmtId="0" fontId="8" fillId="0" borderId="1" xfId="0" quotePrefix="1" applyFont="1" applyFill="1" applyBorder="1" applyAlignment="1">
      <alignment horizontal="left" vertical="center" wrapText="1"/>
    </xf>
    <xf numFmtId="0" fontId="8" fillId="0" borderId="1" xfId="0" applyFont="1" applyFill="1" applyBorder="1" applyAlignment="1">
      <alignment horizontal="left" vertical="center" wrapText="1"/>
    </xf>
    <xf numFmtId="178" fontId="8" fillId="0" borderId="71" xfId="0" applyNumberFormat="1" applyFont="1" applyFill="1" applyBorder="1" applyAlignment="1">
      <alignment horizontal="center" vertical="center"/>
    </xf>
    <xf numFmtId="178" fontId="8" fillId="0" borderId="73" xfId="0" applyNumberFormat="1" applyFont="1" applyFill="1" applyBorder="1" applyAlignment="1">
      <alignment horizontal="center" vertical="center"/>
    </xf>
    <xf numFmtId="0" fontId="8" fillId="0" borderId="27" xfId="0" applyFont="1" applyFill="1" applyBorder="1" applyAlignment="1">
      <alignment vertical="center"/>
    </xf>
    <xf numFmtId="0" fontId="8" fillId="0" borderId="28" xfId="0" applyFont="1" applyFill="1" applyBorder="1" applyAlignment="1">
      <alignment vertical="center"/>
    </xf>
    <xf numFmtId="177" fontId="8" fillId="0" borderId="42" xfId="0" applyNumberFormat="1" applyFont="1" applyFill="1" applyBorder="1" applyAlignment="1">
      <alignment horizontal="right" vertical="center"/>
    </xf>
    <xf numFmtId="177" fontId="8" fillId="0" borderId="16" xfId="0" applyNumberFormat="1" applyFont="1" applyFill="1" applyBorder="1" applyAlignment="1">
      <alignment horizontal="right" vertical="center"/>
    </xf>
    <xf numFmtId="0" fontId="8" fillId="0" borderId="71" xfId="0" applyFont="1" applyFill="1" applyBorder="1" applyAlignment="1">
      <alignment horizontal="left" vertical="center"/>
    </xf>
    <xf numFmtId="178" fontId="8" fillId="0" borderId="72" xfId="0" applyNumberFormat="1" applyFont="1" applyFill="1" applyBorder="1" applyAlignment="1">
      <alignment horizontal="center" vertical="center"/>
    </xf>
    <xf numFmtId="178" fontId="8" fillId="0" borderId="74" xfId="0" applyNumberFormat="1" applyFont="1" applyFill="1" applyBorder="1" applyAlignment="1">
      <alignment horizontal="center" vertical="center"/>
    </xf>
    <xf numFmtId="177" fontId="8" fillId="0" borderId="42" xfId="0" applyNumberFormat="1" applyFont="1" applyFill="1" applyBorder="1" applyAlignment="1">
      <alignment vertical="center"/>
    </xf>
    <xf numFmtId="177" fontId="8" fillId="0" borderId="43" xfId="0" applyNumberFormat="1" applyFont="1" applyFill="1" applyBorder="1" applyAlignment="1">
      <alignment vertical="center"/>
    </xf>
    <xf numFmtId="0" fontId="8" fillId="0" borderId="77" xfId="0" applyFont="1" applyFill="1" applyBorder="1" applyAlignment="1">
      <alignment horizontal="center" vertical="center"/>
    </xf>
    <xf numFmtId="0" fontId="8" fillId="0" borderId="78" xfId="0" applyFont="1" applyFill="1" applyBorder="1" applyAlignment="1">
      <alignment horizontal="center" vertical="center"/>
    </xf>
    <xf numFmtId="0" fontId="8" fillId="0" borderId="6" xfId="0" applyFont="1" applyFill="1" applyBorder="1" applyAlignment="1">
      <alignment horizontal="center" vertical="center"/>
    </xf>
    <xf numFmtId="0" fontId="8" fillId="0" borderId="35" xfId="0" applyFont="1" applyFill="1" applyBorder="1" applyAlignment="1">
      <alignment horizontal="center" vertical="center" wrapText="1"/>
    </xf>
    <xf numFmtId="0" fontId="8" fillId="0" borderId="8" xfId="0" applyFont="1" applyFill="1" applyBorder="1" applyAlignment="1">
      <alignment horizontal="center" vertical="center" wrapText="1"/>
    </xf>
    <xf numFmtId="0" fontId="8" fillId="0" borderId="36" xfId="0" applyFont="1" applyFill="1" applyBorder="1" applyAlignment="1">
      <alignment horizontal="center" vertical="center" wrapText="1"/>
    </xf>
    <xf numFmtId="0" fontId="8" fillId="0" borderId="49" xfId="0" applyFont="1" applyFill="1" applyBorder="1" applyAlignment="1">
      <alignment horizontal="left" vertical="center" wrapText="1"/>
    </xf>
    <xf numFmtId="0" fontId="8" fillId="0" borderId="69" xfId="0" applyFont="1" applyFill="1" applyBorder="1" applyAlignment="1">
      <alignment horizontal="left" vertical="center" wrapText="1"/>
    </xf>
    <xf numFmtId="0" fontId="8" fillId="0" borderId="51" xfId="0" applyFont="1" applyFill="1" applyBorder="1" applyAlignment="1">
      <alignment horizontal="left" vertical="center" wrapText="1"/>
    </xf>
    <xf numFmtId="0" fontId="8" fillId="0" borderId="0" xfId="0" applyFont="1" applyFill="1" applyBorder="1" applyAlignment="1">
      <alignment horizontal="left" vertical="center" wrapText="1"/>
    </xf>
    <xf numFmtId="0" fontId="8" fillId="0" borderId="53" xfId="0" applyFont="1" applyFill="1" applyBorder="1" applyAlignment="1">
      <alignment horizontal="left" vertical="center" wrapText="1"/>
    </xf>
    <xf numFmtId="0" fontId="8" fillId="0" borderId="81" xfId="0" applyFont="1" applyFill="1" applyBorder="1" applyAlignment="1">
      <alignment horizontal="left" vertical="center" wrapText="1"/>
    </xf>
    <xf numFmtId="0" fontId="8" fillId="0" borderId="65" xfId="0" applyFont="1" applyFill="1" applyBorder="1" applyAlignment="1">
      <alignment horizontal="left" vertical="center"/>
    </xf>
    <xf numFmtId="0" fontId="8" fillId="0" borderId="57" xfId="0" applyFont="1" applyFill="1" applyBorder="1" applyAlignment="1">
      <alignment horizontal="left" vertical="center"/>
    </xf>
    <xf numFmtId="0" fontId="8" fillId="0" borderId="81" xfId="0" applyFont="1" applyFill="1" applyBorder="1" applyAlignment="1">
      <alignment horizontal="left" vertical="center"/>
    </xf>
    <xf numFmtId="0" fontId="8" fillId="0" borderId="54" xfId="0" applyFont="1" applyFill="1" applyBorder="1" applyAlignment="1">
      <alignment horizontal="left" vertical="center"/>
    </xf>
    <xf numFmtId="0" fontId="8" fillId="0" borderId="71" xfId="0" applyFont="1" applyFill="1" applyBorder="1" applyAlignment="1">
      <alignment vertical="center"/>
    </xf>
    <xf numFmtId="0" fontId="8" fillId="0" borderId="29" xfId="0" applyFont="1" applyFill="1" applyBorder="1" applyAlignment="1">
      <alignment vertical="center" wrapText="1"/>
    </xf>
    <xf numFmtId="0" fontId="8" fillId="0" borderId="30" xfId="0" applyFont="1" applyFill="1" applyBorder="1" applyAlignment="1">
      <alignment vertical="center" wrapText="1"/>
    </xf>
    <xf numFmtId="0" fontId="8" fillId="0" borderId="47" xfId="0" applyFont="1" applyFill="1" applyBorder="1" applyAlignment="1">
      <alignment horizontal="left" vertical="center" wrapText="1"/>
    </xf>
    <xf numFmtId="0" fontId="8" fillId="0" borderId="47" xfId="0" applyFont="1" applyFill="1" applyBorder="1" applyAlignment="1">
      <alignment horizontal="left" vertical="center"/>
    </xf>
    <xf numFmtId="0" fontId="8" fillId="0" borderId="65" xfId="0" applyFont="1" applyFill="1" applyBorder="1" applyAlignment="1">
      <alignment vertical="center"/>
    </xf>
    <xf numFmtId="0" fontId="8" fillId="0" borderId="50" xfId="0" applyFont="1" applyFill="1" applyBorder="1" applyAlignment="1">
      <alignment vertical="center"/>
    </xf>
    <xf numFmtId="0" fontId="8" fillId="0" borderId="67" xfId="0" applyFont="1" applyFill="1" applyBorder="1" applyAlignment="1">
      <alignment vertical="center"/>
    </xf>
    <xf numFmtId="0" fontId="8" fillId="0" borderId="52" xfId="0" applyFont="1" applyFill="1" applyBorder="1" applyAlignment="1">
      <alignment vertical="center"/>
    </xf>
    <xf numFmtId="0" fontId="8" fillId="0" borderId="75" xfId="0" applyFont="1" applyFill="1" applyBorder="1" applyAlignment="1">
      <alignment vertical="center"/>
    </xf>
    <xf numFmtId="0" fontId="8" fillId="0" borderId="4" xfId="0" applyFont="1" applyFill="1" applyBorder="1" applyAlignment="1">
      <alignment horizontal="center" vertical="center"/>
    </xf>
    <xf numFmtId="0" fontId="8" fillId="0" borderId="5" xfId="0" applyFont="1" applyFill="1" applyBorder="1" applyAlignment="1">
      <alignment horizontal="center" vertical="center"/>
    </xf>
    <xf numFmtId="0" fontId="8" fillId="0" borderId="65" xfId="0" applyFont="1" applyFill="1" applyBorder="1" applyAlignment="1">
      <alignment horizontal="left" vertical="center" wrapText="1"/>
    </xf>
    <xf numFmtId="0" fontId="8" fillId="0" borderId="50" xfId="0" applyFont="1" applyFill="1" applyBorder="1" applyAlignment="1">
      <alignment horizontal="left" vertical="center" wrapText="1"/>
    </xf>
    <xf numFmtId="0" fontId="8" fillId="0" borderId="57" xfId="0" applyFont="1" applyFill="1" applyBorder="1" applyAlignment="1">
      <alignment horizontal="left" vertical="center" wrapText="1"/>
    </xf>
    <xf numFmtId="0" fontId="8" fillId="0" borderId="54" xfId="0" applyFont="1" applyFill="1" applyBorder="1" applyAlignment="1">
      <alignment horizontal="left" vertical="center" wrapText="1"/>
    </xf>
    <xf numFmtId="177" fontId="8" fillId="0" borderId="9" xfId="0" applyNumberFormat="1" applyFont="1" applyFill="1" applyBorder="1" applyAlignment="1">
      <alignment horizontal="right" vertical="center"/>
    </xf>
    <xf numFmtId="177" fontId="8" fillId="0" borderId="82" xfId="0" applyNumberFormat="1" applyFont="1" applyFill="1" applyBorder="1" applyAlignment="1">
      <alignment horizontal="right" vertical="center"/>
    </xf>
    <xf numFmtId="177" fontId="8" fillId="0" borderId="10" xfId="0" applyNumberFormat="1" applyFont="1" applyFill="1" applyBorder="1" applyAlignment="1">
      <alignment horizontal="right" vertical="center"/>
    </xf>
    <xf numFmtId="177" fontId="8" fillId="0" borderId="65" xfId="0" applyNumberFormat="1" applyFont="1" applyFill="1" applyBorder="1" applyAlignment="1">
      <alignment horizontal="right" vertical="center"/>
    </xf>
    <xf numFmtId="177" fontId="8" fillId="0" borderId="69" xfId="0" applyNumberFormat="1" applyFont="1" applyFill="1" applyBorder="1" applyAlignment="1">
      <alignment horizontal="right" vertical="center"/>
    </xf>
    <xf numFmtId="177" fontId="8" fillId="0" borderId="50" xfId="0" applyNumberFormat="1" applyFont="1" applyFill="1" applyBorder="1" applyAlignment="1">
      <alignment horizontal="right" vertical="center"/>
    </xf>
    <xf numFmtId="177" fontId="8" fillId="0" borderId="57" xfId="0" applyNumberFormat="1" applyFont="1" applyFill="1" applyBorder="1" applyAlignment="1">
      <alignment horizontal="right" vertical="center"/>
    </xf>
    <xf numFmtId="177" fontId="8" fillId="0" borderId="81" xfId="0" applyNumberFormat="1" applyFont="1" applyFill="1" applyBorder="1" applyAlignment="1">
      <alignment horizontal="right" vertical="center"/>
    </xf>
    <xf numFmtId="177" fontId="8" fillId="0" borderId="54" xfId="0" applyNumberFormat="1" applyFont="1" applyFill="1" applyBorder="1" applyAlignment="1">
      <alignment horizontal="right" vertical="center"/>
    </xf>
    <xf numFmtId="177" fontId="8" fillId="0" borderId="65" xfId="0" applyNumberFormat="1" applyFont="1" applyFill="1" applyBorder="1" applyAlignment="1">
      <alignment vertical="center"/>
    </xf>
    <xf numFmtId="177" fontId="8" fillId="0" borderId="66" xfId="0" applyNumberFormat="1" applyFont="1" applyFill="1" applyBorder="1" applyAlignment="1">
      <alignment vertical="center"/>
    </xf>
    <xf numFmtId="177" fontId="8" fillId="0" borderId="57" xfId="0" applyNumberFormat="1" applyFont="1" applyFill="1" applyBorder="1" applyAlignment="1">
      <alignment vertical="center"/>
    </xf>
    <xf numFmtId="177" fontId="8" fillId="0" borderId="58" xfId="0" applyNumberFormat="1" applyFont="1" applyFill="1" applyBorder="1" applyAlignment="1">
      <alignment vertical="center"/>
    </xf>
    <xf numFmtId="177" fontId="8" fillId="0" borderId="9" xfId="0" applyNumberFormat="1" applyFont="1" applyFill="1" applyBorder="1" applyAlignment="1">
      <alignment vertical="center"/>
    </xf>
    <xf numFmtId="177" fontId="8" fillId="0" borderId="83" xfId="0" applyNumberFormat="1" applyFont="1" applyFill="1" applyBorder="1" applyAlignment="1">
      <alignment vertical="center"/>
    </xf>
    <xf numFmtId="177" fontId="8" fillId="0" borderId="79" xfId="0" applyNumberFormat="1" applyFont="1" applyFill="1" applyBorder="1" applyAlignment="1">
      <alignment vertical="center"/>
    </xf>
    <xf numFmtId="177" fontId="8" fillId="0" borderId="80" xfId="0" applyNumberFormat="1" applyFont="1" applyFill="1" applyBorder="1" applyAlignment="1">
      <alignment vertical="center"/>
    </xf>
    <xf numFmtId="177" fontId="8" fillId="0" borderId="79" xfId="0" applyNumberFormat="1" applyFont="1" applyFill="1" applyBorder="1" applyAlignment="1">
      <alignment horizontal="right" vertical="center"/>
    </xf>
    <xf numFmtId="177" fontId="8" fillId="0" borderId="22" xfId="0" applyNumberFormat="1" applyFont="1" applyFill="1" applyBorder="1" applyAlignment="1">
      <alignment horizontal="right" vertical="center"/>
    </xf>
    <xf numFmtId="177" fontId="8" fillId="0" borderId="23" xfId="0" applyNumberFormat="1" applyFont="1" applyFill="1" applyBorder="1" applyAlignment="1">
      <alignment horizontal="right" vertical="center"/>
    </xf>
    <xf numFmtId="9" fontId="12" fillId="0" borderId="1" xfId="0" applyNumberFormat="1" applyFont="1" applyFill="1" applyBorder="1" applyAlignment="1">
      <alignment horizontal="right" wrapText="1"/>
    </xf>
    <xf numFmtId="9" fontId="12" fillId="0" borderId="2" xfId="0" applyNumberFormat="1" applyFont="1" applyFill="1" applyBorder="1" applyAlignment="1">
      <alignment horizontal="right" wrapText="1"/>
    </xf>
    <xf numFmtId="0" fontId="8" fillId="0" borderId="72" xfId="0" applyFont="1" applyFill="1" applyBorder="1" applyAlignment="1">
      <alignment vertical="center"/>
    </xf>
    <xf numFmtId="0" fontId="11" fillId="0" borderId="55" xfId="0" applyFont="1" applyFill="1" applyBorder="1" applyAlignment="1">
      <alignment horizontal="center" vertical="center" textRotation="255" wrapText="1"/>
    </xf>
    <xf numFmtId="0" fontId="11" fillId="0" borderId="67" xfId="0" applyFont="1" applyFill="1" applyBorder="1" applyAlignment="1">
      <alignment horizontal="center" vertical="center" textRotation="255" wrapText="1"/>
    </xf>
    <xf numFmtId="0" fontId="11" fillId="0" borderId="14" xfId="0" applyFont="1" applyFill="1" applyBorder="1" applyAlignment="1">
      <alignment horizontal="center" vertical="center" textRotation="255" wrapText="1"/>
    </xf>
    <xf numFmtId="0" fontId="8" fillId="0" borderId="85" xfId="0" applyFont="1" applyFill="1" applyBorder="1" applyAlignment="1">
      <alignment horizontal="center" vertical="center"/>
    </xf>
    <xf numFmtId="0" fontId="8" fillId="0" borderId="1" xfId="0" quotePrefix="1" applyFont="1" applyFill="1" applyBorder="1" applyAlignment="1">
      <alignment horizontal="right" vertical="center" wrapText="1"/>
    </xf>
    <xf numFmtId="10" fontId="8" fillId="0" borderId="11" xfId="0" applyNumberFormat="1" applyFont="1" applyFill="1" applyBorder="1" applyAlignment="1">
      <alignment horizontal="right" vertical="center" wrapText="1"/>
    </xf>
    <xf numFmtId="0" fontId="8" fillId="0" borderId="1" xfId="0" applyFont="1" applyFill="1" applyBorder="1" applyAlignment="1">
      <alignment horizontal="right" vertical="center" wrapText="1"/>
    </xf>
    <xf numFmtId="0" fontId="8" fillId="0" borderId="44" xfId="0" applyFont="1" applyFill="1" applyBorder="1" applyAlignment="1">
      <alignment horizontal="right" vertical="center" wrapText="1"/>
    </xf>
    <xf numFmtId="0" fontId="10" fillId="0" borderId="0" xfId="0" applyFont="1" applyFill="1" applyBorder="1" applyAlignment="1"/>
    <xf numFmtId="0" fontId="4" fillId="0" borderId="7" xfId="0" applyFont="1" applyFill="1" applyBorder="1" applyAlignment="1">
      <alignment horizontal="center" vertical="center" wrapText="1"/>
    </xf>
    <xf numFmtId="0" fontId="4" fillId="0" borderId="78" xfId="0" applyFont="1" applyFill="1" applyBorder="1" applyAlignment="1">
      <alignment horizontal="center" vertical="center" wrapText="1"/>
    </xf>
    <xf numFmtId="0" fontId="4" fillId="0" borderId="6" xfId="0" applyFont="1" applyFill="1" applyBorder="1" applyAlignment="1">
      <alignment horizontal="center" vertical="center" wrapText="1"/>
    </xf>
    <xf numFmtId="0" fontId="8" fillId="0" borderId="7" xfId="0" applyFont="1" applyFill="1" applyBorder="1" applyAlignment="1">
      <alignment horizontal="center" vertical="center" wrapText="1"/>
    </xf>
    <xf numFmtId="0" fontId="8" fillId="0" borderId="86" xfId="0" applyFont="1" applyFill="1" applyBorder="1" applyAlignment="1">
      <alignment horizontal="center" vertical="center" wrapText="1"/>
    </xf>
    <xf numFmtId="0" fontId="8" fillId="0" borderId="9" xfId="0" applyFont="1" applyFill="1" applyBorder="1" applyAlignment="1">
      <alignment vertical="center"/>
    </xf>
    <xf numFmtId="0" fontId="8" fillId="0" borderId="10" xfId="0" applyFont="1" applyFill="1" applyBorder="1" applyAlignment="1">
      <alignment vertical="center"/>
    </xf>
    <xf numFmtId="0" fontId="8" fillId="0" borderId="47" xfId="0" applyFont="1" applyFill="1" applyBorder="1" applyAlignment="1">
      <alignment vertical="center" textRotation="255"/>
    </xf>
    <xf numFmtId="0" fontId="8" fillId="0" borderId="9" xfId="0" applyFont="1" applyFill="1" applyBorder="1" applyAlignment="1">
      <alignment vertical="center" wrapText="1"/>
    </xf>
    <xf numFmtId="0" fontId="8" fillId="0" borderId="10" xfId="0" applyFont="1" applyFill="1" applyBorder="1" applyAlignment="1">
      <alignment vertical="center" wrapText="1"/>
    </xf>
    <xf numFmtId="0" fontId="8" fillId="0" borderId="67" xfId="0" applyFont="1" applyFill="1" applyBorder="1" applyAlignment="1">
      <alignment horizontal="left" vertical="center" wrapText="1"/>
    </xf>
    <xf numFmtId="0" fontId="8" fillId="0" borderId="52" xfId="0" applyFont="1" applyFill="1" applyBorder="1" applyAlignment="1">
      <alignment horizontal="left" vertical="center" wrapText="1"/>
    </xf>
    <xf numFmtId="0" fontId="12" fillId="0" borderId="12" xfId="0" applyFont="1" applyFill="1" applyBorder="1" applyAlignment="1">
      <alignment horizontal="center" vertical="distributed" textRotation="255"/>
    </xf>
    <xf numFmtId="0" fontId="8" fillId="0" borderId="19" xfId="0" applyFont="1" applyFill="1" applyBorder="1" applyAlignment="1">
      <alignment horizontal="left" vertical="center" shrinkToFit="1"/>
    </xf>
    <xf numFmtId="0" fontId="12" fillId="0" borderId="1" xfId="0" applyFont="1" applyFill="1" applyBorder="1" applyAlignment="1">
      <alignment horizontal="center" vertical="distributed" textRotation="255"/>
    </xf>
    <xf numFmtId="0" fontId="12" fillId="0" borderId="1" xfId="0" applyFont="1" applyFill="1" applyBorder="1" applyAlignment="1">
      <alignment horizontal="center" vertical="distributed" textRotation="255" wrapText="1"/>
    </xf>
    <xf numFmtId="0" fontId="12" fillId="0" borderId="55" xfId="0" applyFont="1" applyFill="1" applyBorder="1" applyAlignment="1">
      <alignment horizontal="distributed" vertical="center" justifyLastLine="1"/>
    </xf>
    <xf numFmtId="0" fontId="12" fillId="0" borderId="3" xfId="0" applyFont="1" applyFill="1" applyBorder="1" applyAlignment="1">
      <alignment horizontal="distributed" vertical="center" justifyLastLine="1"/>
    </xf>
    <xf numFmtId="0" fontId="12" fillId="0" borderId="60" xfId="0" applyFont="1" applyFill="1" applyBorder="1" applyAlignment="1">
      <alignment horizontal="distributed" vertical="center" justifyLastLine="1"/>
    </xf>
    <xf numFmtId="0" fontId="12" fillId="0" borderId="57" xfId="0" applyFont="1" applyFill="1" applyBorder="1" applyAlignment="1">
      <alignment horizontal="distributed" vertical="center" justifyLastLine="1"/>
    </xf>
    <xf numFmtId="0" fontId="12" fillId="0" borderId="81" xfId="0" applyFont="1" applyFill="1" applyBorder="1" applyAlignment="1">
      <alignment horizontal="distributed" vertical="center" justifyLastLine="1"/>
    </xf>
    <xf numFmtId="0" fontId="12" fillId="0" borderId="54" xfId="0" applyFont="1" applyFill="1" applyBorder="1" applyAlignment="1">
      <alignment horizontal="distributed" vertical="center" justifyLastLine="1"/>
    </xf>
    <xf numFmtId="0" fontId="12" fillId="0" borderId="9" xfId="0" applyFont="1" applyFill="1" applyBorder="1" applyAlignment="1">
      <alignment horizontal="distributed" vertical="center" justifyLastLine="1"/>
    </xf>
    <xf numFmtId="0" fontId="12" fillId="0" borderId="82" xfId="0" applyFont="1" applyFill="1" applyBorder="1" applyAlignment="1">
      <alignment horizontal="distributed" vertical="center" justifyLastLine="1"/>
    </xf>
    <xf numFmtId="0" fontId="12" fillId="0" borderId="10" xfId="0" applyFont="1" applyFill="1" applyBorder="1" applyAlignment="1">
      <alignment horizontal="distributed" vertical="center" justifyLastLine="1"/>
    </xf>
    <xf numFmtId="0" fontId="8" fillId="0" borderId="7" xfId="0" applyFont="1" applyFill="1" applyBorder="1" applyAlignment="1">
      <alignment horizontal="center" vertical="center"/>
    </xf>
    <xf numFmtId="0" fontId="12" fillId="0" borderId="8" xfId="0" applyFont="1" applyFill="1" applyBorder="1" applyAlignment="1">
      <alignment horizontal="left"/>
    </xf>
    <xf numFmtId="0" fontId="12" fillId="0" borderId="65" xfId="0" applyFont="1" applyFill="1" applyBorder="1" applyAlignment="1">
      <alignment horizontal="center" vertical="center" wrapText="1"/>
    </xf>
    <xf numFmtId="0" fontId="12" fillId="0" borderId="50" xfId="0" applyFont="1" applyFill="1" applyBorder="1" applyAlignment="1">
      <alignment horizontal="center" vertical="center" wrapText="1"/>
    </xf>
    <xf numFmtId="0" fontId="12" fillId="0" borderId="67" xfId="0" applyFont="1" applyFill="1" applyBorder="1" applyAlignment="1">
      <alignment horizontal="center" vertical="center" wrapText="1"/>
    </xf>
    <xf numFmtId="0" fontId="12" fillId="0" borderId="52" xfId="0" applyFont="1" applyFill="1" applyBorder="1" applyAlignment="1">
      <alignment horizontal="center" vertical="center" wrapText="1"/>
    </xf>
    <xf numFmtId="0" fontId="8" fillId="0" borderId="86" xfId="0" applyFont="1" applyFill="1" applyBorder="1" applyAlignment="1">
      <alignment horizontal="center" vertical="center"/>
    </xf>
    <xf numFmtId="178" fontId="8" fillId="0" borderId="65" xfId="0" applyNumberFormat="1" applyFont="1" applyFill="1" applyBorder="1" applyAlignment="1">
      <alignment horizontal="center" vertical="center"/>
    </xf>
    <xf numFmtId="178" fontId="8" fillId="0" borderId="69" xfId="0" applyNumberFormat="1" applyFont="1" applyFill="1" applyBorder="1" applyAlignment="1">
      <alignment horizontal="center" vertical="center"/>
    </xf>
    <xf numFmtId="178" fontId="8" fillId="0" borderId="66" xfId="0" applyNumberFormat="1" applyFont="1" applyFill="1" applyBorder="1" applyAlignment="1">
      <alignment horizontal="center" vertical="center"/>
    </xf>
    <xf numFmtId="178" fontId="8" fillId="0" borderId="67" xfId="0" applyNumberFormat="1" applyFont="1" applyFill="1" applyBorder="1" applyAlignment="1">
      <alignment horizontal="center" vertical="center"/>
    </xf>
    <xf numFmtId="178" fontId="8" fillId="0" borderId="0" xfId="0" applyNumberFormat="1" applyFont="1" applyFill="1" applyBorder="1" applyAlignment="1">
      <alignment horizontal="center" vertical="center"/>
    </xf>
    <xf numFmtId="178" fontId="8" fillId="0" borderId="68" xfId="0" applyNumberFormat="1" applyFont="1" applyFill="1" applyBorder="1" applyAlignment="1">
      <alignment horizontal="center" vertical="center"/>
    </xf>
    <xf numFmtId="0" fontId="12" fillId="0" borderId="1" xfId="0" applyFont="1" applyFill="1" applyBorder="1" applyAlignment="1">
      <alignment horizontal="right"/>
    </xf>
    <xf numFmtId="0" fontId="12" fillId="0" borderId="2" xfId="0" applyFont="1" applyFill="1" applyBorder="1" applyAlignment="1">
      <alignment horizontal="right"/>
    </xf>
    <xf numFmtId="0" fontId="12" fillId="0" borderId="84" xfId="0" applyFont="1" applyFill="1" applyBorder="1" applyAlignment="1">
      <alignment horizontal="distributed" vertical="center"/>
    </xf>
    <xf numFmtId="3" fontId="4" fillId="0" borderId="4" xfId="0" applyNumberFormat="1" applyFont="1" applyFill="1" applyBorder="1" applyAlignment="1">
      <alignment horizontal="right" vertical="center"/>
    </xf>
    <xf numFmtId="3" fontId="4" fillId="0" borderId="44" xfId="0" applyNumberFormat="1" applyFont="1" applyFill="1" applyBorder="1" applyAlignment="1">
      <alignment horizontal="right" vertical="center"/>
    </xf>
    <xf numFmtId="0" fontId="12" fillId="0" borderId="84" xfId="0" applyFont="1" applyFill="1" applyBorder="1" applyAlignment="1">
      <alignment horizontal="right" vertical="center"/>
    </xf>
    <xf numFmtId="0" fontId="12" fillId="0" borderId="8" xfId="0" applyFont="1" applyFill="1" applyBorder="1" applyAlignment="1">
      <alignment horizontal="right" vertical="center"/>
    </xf>
    <xf numFmtId="0" fontId="4" fillId="0" borderId="4" xfId="0" applyFont="1" applyFill="1" applyBorder="1" applyAlignment="1">
      <alignment horizontal="left" vertical="center" wrapText="1" shrinkToFit="1"/>
    </xf>
    <xf numFmtId="0" fontId="4" fillId="0" borderId="44" xfId="0" applyFont="1" applyFill="1" applyBorder="1" applyAlignment="1">
      <alignment horizontal="left" vertical="center" wrapText="1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95250</xdr:colOff>
      <xdr:row>11</xdr:row>
      <xdr:rowOff>57150</xdr:rowOff>
    </xdr:from>
    <xdr:to>
      <xdr:col>1</xdr:col>
      <xdr:colOff>190500</xdr:colOff>
      <xdr:row>63</xdr:row>
      <xdr:rowOff>228600</xdr:rowOff>
    </xdr:to>
    <xdr:sp macro="" textlink="">
      <xdr:nvSpPr>
        <xdr:cNvPr id="1382" name="AutoShape 1"/>
        <xdr:cNvSpPr>
          <a:spLocks/>
        </xdr:cNvSpPr>
      </xdr:nvSpPr>
      <xdr:spPr bwMode="auto">
        <a:xfrm>
          <a:off x="1162050" y="2457450"/>
          <a:ext cx="95250" cy="9372600"/>
        </a:xfrm>
        <a:prstGeom prst="rightBrace">
          <a:avLst>
            <a:gd name="adj1" fmla="val 511133"/>
            <a:gd name="adj2" fmla="val 4791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95250</xdr:colOff>
      <xdr:row>11</xdr:row>
      <xdr:rowOff>38100</xdr:rowOff>
    </xdr:from>
    <xdr:to>
      <xdr:col>3</xdr:col>
      <xdr:colOff>190500</xdr:colOff>
      <xdr:row>63</xdr:row>
      <xdr:rowOff>228600</xdr:rowOff>
    </xdr:to>
    <xdr:sp macro="" textlink="">
      <xdr:nvSpPr>
        <xdr:cNvPr id="1383" name="AutoShape 3"/>
        <xdr:cNvSpPr>
          <a:spLocks/>
        </xdr:cNvSpPr>
      </xdr:nvSpPr>
      <xdr:spPr bwMode="auto">
        <a:xfrm>
          <a:off x="2790825" y="2438400"/>
          <a:ext cx="95250" cy="9391650"/>
        </a:xfrm>
        <a:prstGeom prst="rightBrace">
          <a:avLst>
            <a:gd name="adj1" fmla="val 303104"/>
            <a:gd name="adj2" fmla="val 48259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7</xdr:col>
      <xdr:colOff>66675</xdr:colOff>
      <xdr:row>9</xdr:row>
      <xdr:rowOff>28575</xdr:rowOff>
    </xdr:from>
    <xdr:to>
      <xdr:col>7</xdr:col>
      <xdr:colOff>200025</xdr:colOff>
      <xdr:row>63</xdr:row>
      <xdr:rowOff>219075</xdr:rowOff>
    </xdr:to>
    <xdr:sp macro="" textlink="">
      <xdr:nvSpPr>
        <xdr:cNvPr id="1384" name="AutoShape 10"/>
        <xdr:cNvSpPr>
          <a:spLocks/>
        </xdr:cNvSpPr>
      </xdr:nvSpPr>
      <xdr:spPr bwMode="auto">
        <a:xfrm>
          <a:off x="5029200" y="2028825"/>
          <a:ext cx="133350" cy="9791700"/>
        </a:xfrm>
        <a:prstGeom prst="rightBrace">
          <a:avLst>
            <a:gd name="adj1" fmla="val 419835"/>
            <a:gd name="adj2" fmla="val 498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2</xdr:row>
      <xdr:rowOff>9525</xdr:rowOff>
    </xdr:from>
    <xdr:to>
      <xdr:col>1</xdr:col>
      <xdr:colOff>0</xdr:colOff>
      <xdr:row>8</xdr:row>
      <xdr:rowOff>161925</xdr:rowOff>
    </xdr:to>
    <xdr:sp macro="" textlink="">
      <xdr:nvSpPr>
        <xdr:cNvPr id="1385" name="Line 12"/>
        <xdr:cNvSpPr>
          <a:spLocks noChangeShapeType="1"/>
        </xdr:cNvSpPr>
      </xdr:nvSpPr>
      <xdr:spPr bwMode="auto">
        <a:xfrm>
          <a:off x="9525" y="409575"/>
          <a:ext cx="1057275" cy="15906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57150</xdr:colOff>
      <xdr:row>9</xdr:row>
      <xdr:rowOff>28575</xdr:rowOff>
    </xdr:from>
    <xdr:to>
      <xdr:col>8</xdr:col>
      <xdr:colOff>200025</xdr:colOff>
      <xdr:row>63</xdr:row>
      <xdr:rowOff>219075</xdr:rowOff>
    </xdr:to>
    <xdr:sp macro="" textlink="">
      <xdr:nvSpPr>
        <xdr:cNvPr id="1386" name="AutoShape 17"/>
        <xdr:cNvSpPr>
          <a:spLocks/>
        </xdr:cNvSpPr>
      </xdr:nvSpPr>
      <xdr:spPr bwMode="auto">
        <a:xfrm>
          <a:off x="5686425" y="2028825"/>
          <a:ext cx="142875" cy="9791700"/>
        </a:xfrm>
        <a:prstGeom prst="rightBrace">
          <a:avLst>
            <a:gd name="adj1" fmla="val 432141"/>
            <a:gd name="adj2" fmla="val 498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6</xdr:col>
      <xdr:colOff>38100</xdr:colOff>
      <xdr:row>9</xdr:row>
      <xdr:rowOff>28575</xdr:rowOff>
    </xdr:from>
    <xdr:to>
      <xdr:col>6</xdr:col>
      <xdr:colOff>228600</xdr:colOff>
      <xdr:row>52</xdr:row>
      <xdr:rowOff>123825</xdr:rowOff>
    </xdr:to>
    <xdr:sp macro="" textlink="">
      <xdr:nvSpPr>
        <xdr:cNvPr id="1387" name="AutoShape 18"/>
        <xdr:cNvSpPr>
          <a:spLocks/>
        </xdr:cNvSpPr>
      </xdr:nvSpPr>
      <xdr:spPr bwMode="auto">
        <a:xfrm>
          <a:off x="4410075" y="2028825"/>
          <a:ext cx="190500" cy="8229600"/>
        </a:xfrm>
        <a:prstGeom prst="rightBrace">
          <a:avLst>
            <a:gd name="adj1" fmla="val 430600"/>
            <a:gd name="adj2" fmla="val 498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</xdr:col>
      <xdr:colOff>47625</xdr:colOff>
      <xdr:row>13</xdr:row>
      <xdr:rowOff>9525</xdr:rowOff>
    </xdr:from>
    <xdr:to>
      <xdr:col>2</xdr:col>
      <xdr:colOff>161925</xdr:colOff>
      <xdr:row>63</xdr:row>
      <xdr:rowOff>228600</xdr:rowOff>
    </xdr:to>
    <xdr:sp macro="" textlink="">
      <xdr:nvSpPr>
        <xdr:cNvPr id="1388" name="AutoShape 19"/>
        <xdr:cNvSpPr>
          <a:spLocks/>
        </xdr:cNvSpPr>
      </xdr:nvSpPr>
      <xdr:spPr bwMode="auto">
        <a:xfrm>
          <a:off x="1933575" y="2943225"/>
          <a:ext cx="114300" cy="8886825"/>
        </a:xfrm>
        <a:prstGeom prst="rightBrace">
          <a:avLst>
            <a:gd name="adj1" fmla="val 290002"/>
            <a:gd name="adj2" fmla="val 498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6</xdr:col>
      <xdr:colOff>28575</xdr:colOff>
      <xdr:row>56</xdr:row>
      <xdr:rowOff>0</xdr:rowOff>
    </xdr:from>
    <xdr:to>
      <xdr:col>6</xdr:col>
      <xdr:colOff>219075</xdr:colOff>
      <xdr:row>63</xdr:row>
      <xdr:rowOff>257175</xdr:rowOff>
    </xdr:to>
    <xdr:sp macro="" textlink="">
      <xdr:nvSpPr>
        <xdr:cNvPr id="1389" name="AutoShape 18"/>
        <xdr:cNvSpPr>
          <a:spLocks/>
        </xdr:cNvSpPr>
      </xdr:nvSpPr>
      <xdr:spPr bwMode="auto">
        <a:xfrm>
          <a:off x="4400550" y="10668000"/>
          <a:ext cx="190500" cy="1190625"/>
        </a:xfrm>
        <a:prstGeom prst="rightBrace">
          <a:avLst>
            <a:gd name="adj1" fmla="val 70313"/>
            <a:gd name="adj2" fmla="val 498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</xdr:col>
      <xdr:colOff>28575</xdr:colOff>
      <xdr:row>9</xdr:row>
      <xdr:rowOff>28575</xdr:rowOff>
    </xdr:from>
    <xdr:to>
      <xdr:col>2</xdr:col>
      <xdr:colOff>142875</xdr:colOff>
      <xdr:row>12</xdr:row>
      <xdr:rowOff>257175</xdr:rowOff>
    </xdr:to>
    <xdr:sp macro="" textlink="">
      <xdr:nvSpPr>
        <xdr:cNvPr id="10" name="AutoShape 19"/>
        <xdr:cNvSpPr>
          <a:spLocks/>
        </xdr:cNvSpPr>
      </xdr:nvSpPr>
      <xdr:spPr bwMode="auto">
        <a:xfrm>
          <a:off x="1914525" y="2028825"/>
          <a:ext cx="114300" cy="895350"/>
        </a:xfrm>
        <a:prstGeom prst="rightBrace">
          <a:avLst>
            <a:gd name="adj1" fmla="val 290002"/>
            <a:gd name="adj2" fmla="val 49833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B88"/>
  <sheetViews>
    <sheetView tabSelected="1" view="pageBreakPreview" topLeftCell="C1" zoomScaleNormal="100" zoomScaleSheetLayoutView="100" workbookViewId="0">
      <selection activeCell="C17" sqref="C17"/>
    </sheetView>
  </sheetViews>
  <sheetFormatPr defaultColWidth="9" defaultRowHeight="13.2"/>
  <cols>
    <col min="1" max="1" width="14" style="1" customWidth="1"/>
    <col min="2" max="2" width="10.77734375" style="1" customWidth="1"/>
    <col min="3" max="3" width="10.6640625" style="1" customWidth="1"/>
    <col min="4" max="4" width="10.77734375" style="1" customWidth="1"/>
    <col min="5" max="5" width="4.88671875" style="1" customWidth="1"/>
    <col min="6" max="6" width="6.33203125" style="1" customWidth="1"/>
    <col min="7" max="7" width="7.77734375" style="1" customWidth="1"/>
    <col min="8" max="10" width="8.77734375" style="1" customWidth="1"/>
    <col min="11" max="12" width="7.77734375" style="1" customWidth="1"/>
    <col min="13" max="14" width="6.21875" style="43" customWidth="1"/>
    <col min="15" max="15" width="6.6640625" style="43" customWidth="1"/>
    <col min="16" max="16" width="15" style="43" customWidth="1"/>
    <col min="17" max="17" width="8.33203125" style="43" customWidth="1"/>
    <col min="18" max="18" width="5.88671875" style="43" customWidth="1"/>
    <col min="19" max="20" width="4.77734375" style="43" customWidth="1"/>
    <col min="21" max="21" width="5.77734375" style="43" customWidth="1"/>
    <col min="22" max="22" width="6.77734375" style="43" customWidth="1"/>
    <col min="23" max="23" width="8.109375" style="43" customWidth="1"/>
    <col min="24" max="24" width="9.33203125" style="43" customWidth="1"/>
    <col min="25" max="26" width="9" style="43"/>
    <col min="27" max="27" width="9.33203125" style="43" customWidth="1"/>
    <col min="28" max="28" width="3.33203125" style="43" customWidth="1"/>
    <col min="29" max="16384" width="9" style="43"/>
  </cols>
  <sheetData>
    <row r="1" spans="1:24" ht="22.2" customHeight="1">
      <c r="A1" s="21" t="s">
        <v>46</v>
      </c>
      <c r="O1" s="266" t="s">
        <v>52</v>
      </c>
      <c r="P1" s="266"/>
      <c r="Q1" s="266"/>
    </row>
    <row r="2" spans="1:24" s="3" customFormat="1" ht="10.199999999999999" customHeight="1" thickBot="1">
      <c r="A2" s="2"/>
      <c r="B2" s="2"/>
      <c r="C2" s="2"/>
      <c r="D2" s="2"/>
      <c r="E2" s="2"/>
      <c r="F2" s="2"/>
      <c r="G2" s="2"/>
      <c r="H2" s="2"/>
      <c r="I2" s="2"/>
      <c r="J2" s="2"/>
      <c r="K2" s="2"/>
      <c r="L2" s="2"/>
      <c r="O2" s="266"/>
      <c r="P2" s="266"/>
      <c r="Q2" s="266"/>
    </row>
    <row r="3" spans="1:24" s="3" customFormat="1" ht="5.25" customHeight="1" thickBot="1">
      <c r="A3" s="310" t="s">
        <v>0</v>
      </c>
      <c r="B3" s="283" t="s">
        <v>1</v>
      </c>
      <c r="C3" s="284"/>
      <c r="D3" s="284"/>
      <c r="E3" s="284"/>
      <c r="F3" s="285"/>
      <c r="G3" s="48"/>
      <c r="H3" s="48"/>
      <c r="I3" s="49"/>
      <c r="J3" s="50"/>
      <c r="K3" s="48"/>
      <c r="L3" s="51"/>
    </row>
    <row r="4" spans="1:24" s="3" customFormat="1" ht="26.7" customHeight="1">
      <c r="A4" s="311"/>
      <c r="B4" s="286"/>
      <c r="C4" s="287"/>
      <c r="D4" s="287"/>
      <c r="E4" s="287"/>
      <c r="F4" s="288"/>
      <c r="G4" s="281" t="s">
        <v>6</v>
      </c>
      <c r="H4" s="281" t="s">
        <v>40</v>
      </c>
      <c r="I4" s="282" t="s">
        <v>44</v>
      </c>
      <c r="J4" s="281" t="s">
        <v>45</v>
      </c>
      <c r="K4" s="281" t="s">
        <v>7</v>
      </c>
      <c r="L4" s="279" t="s">
        <v>42</v>
      </c>
      <c r="O4" s="203" t="s">
        <v>53</v>
      </c>
      <c r="P4" s="204"/>
      <c r="Q4" s="205"/>
      <c r="R4" s="71" t="s">
        <v>54</v>
      </c>
      <c r="S4" s="70"/>
      <c r="T4" s="267" t="s">
        <v>55</v>
      </c>
      <c r="U4" s="268"/>
      <c r="V4" s="269"/>
      <c r="W4" s="270" t="s">
        <v>101</v>
      </c>
      <c r="X4" s="271"/>
    </row>
    <row r="5" spans="1:24" s="3" customFormat="1" ht="21" customHeight="1">
      <c r="A5" s="52"/>
      <c r="B5" s="289" t="s">
        <v>2</v>
      </c>
      <c r="C5" s="291"/>
      <c r="D5" s="289" t="s">
        <v>3</v>
      </c>
      <c r="E5" s="290"/>
      <c r="F5" s="291"/>
      <c r="G5" s="281"/>
      <c r="H5" s="281"/>
      <c r="I5" s="282"/>
      <c r="J5" s="281"/>
      <c r="K5" s="281"/>
      <c r="L5" s="279"/>
      <c r="O5" s="274" t="s">
        <v>56</v>
      </c>
      <c r="P5" s="272" t="s">
        <v>57</v>
      </c>
      <c r="Q5" s="273"/>
      <c r="R5" s="22" t="s">
        <v>58</v>
      </c>
      <c r="S5" s="23"/>
      <c r="T5" s="235">
        <v>3000000</v>
      </c>
      <c r="U5" s="236"/>
      <c r="V5" s="237"/>
      <c r="W5" s="248">
        <v>3270000</v>
      </c>
      <c r="X5" s="249"/>
    </row>
    <row r="6" spans="1:24" s="3" customFormat="1" ht="21" customHeight="1">
      <c r="A6" s="293" t="s">
        <v>102</v>
      </c>
      <c r="B6" s="53"/>
      <c r="C6" s="53"/>
      <c r="D6" s="53"/>
      <c r="E6" s="294" t="s">
        <v>43</v>
      </c>
      <c r="F6" s="295"/>
      <c r="G6" s="281"/>
      <c r="H6" s="281"/>
      <c r="I6" s="282"/>
      <c r="J6" s="281"/>
      <c r="K6" s="281"/>
      <c r="L6" s="279"/>
      <c r="O6" s="274"/>
      <c r="P6" s="275" t="s">
        <v>103</v>
      </c>
      <c r="Q6" s="276"/>
      <c r="R6" s="22" t="s">
        <v>58</v>
      </c>
      <c r="S6" s="23"/>
      <c r="T6" s="235">
        <v>1750000</v>
      </c>
      <c r="U6" s="236"/>
      <c r="V6" s="237"/>
      <c r="W6" s="248">
        <v>1907500</v>
      </c>
      <c r="X6" s="249"/>
    </row>
    <row r="7" spans="1:24" s="3" customFormat="1" ht="21" customHeight="1">
      <c r="A7" s="293"/>
      <c r="B7" s="54" t="s">
        <v>4</v>
      </c>
      <c r="C7" s="54" t="s">
        <v>5</v>
      </c>
      <c r="D7" s="54" t="s">
        <v>4</v>
      </c>
      <c r="E7" s="296"/>
      <c r="F7" s="297"/>
      <c r="G7" s="281"/>
      <c r="H7" s="281"/>
      <c r="I7" s="282"/>
      <c r="J7" s="281"/>
      <c r="K7" s="281"/>
      <c r="L7" s="279"/>
      <c r="O7" s="274"/>
      <c r="P7" s="272" t="s">
        <v>59</v>
      </c>
      <c r="Q7" s="273"/>
      <c r="R7" s="22" t="s">
        <v>60</v>
      </c>
      <c r="S7" s="23"/>
      <c r="T7" s="235">
        <v>410000</v>
      </c>
      <c r="U7" s="236"/>
      <c r="V7" s="237"/>
      <c r="W7" s="248">
        <v>446900</v>
      </c>
      <c r="X7" s="249"/>
    </row>
    <row r="8" spans="1:24" s="3" customFormat="1" ht="21" customHeight="1">
      <c r="A8" s="293"/>
      <c r="B8" s="305" t="s">
        <v>48</v>
      </c>
      <c r="C8" s="54"/>
      <c r="D8" s="54"/>
      <c r="E8" s="296"/>
      <c r="F8" s="297"/>
      <c r="G8" s="55"/>
      <c r="H8" s="55"/>
      <c r="I8" s="56"/>
      <c r="J8" s="305" t="s">
        <v>48</v>
      </c>
      <c r="K8" s="255" t="s">
        <v>104</v>
      </c>
      <c r="L8" s="57"/>
      <c r="O8" s="274"/>
      <c r="P8" s="231" t="s">
        <v>105</v>
      </c>
      <c r="Q8" s="232"/>
      <c r="R8" s="22" t="s">
        <v>58</v>
      </c>
      <c r="S8" s="23"/>
      <c r="T8" s="235">
        <v>400000</v>
      </c>
      <c r="U8" s="236"/>
      <c r="V8" s="237"/>
      <c r="W8" s="248">
        <v>436000</v>
      </c>
      <c r="X8" s="249"/>
    </row>
    <row r="9" spans="1:24" s="3" customFormat="1" ht="10.5" customHeight="1" thickBot="1">
      <c r="A9" s="58"/>
      <c r="B9" s="306"/>
      <c r="C9" s="59"/>
      <c r="D9" s="60" t="s">
        <v>106</v>
      </c>
      <c r="E9" s="61"/>
      <c r="F9" s="62"/>
      <c r="G9" s="73"/>
      <c r="H9" s="73"/>
      <c r="I9" s="73"/>
      <c r="J9" s="306"/>
      <c r="K9" s="256"/>
      <c r="L9" s="63"/>
      <c r="O9" s="274"/>
      <c r="P9" s="277"/>
      <c r="Q9" s="278"/>
      <c r="R9" s="215" t="s">
        <v>60</v>
      </c>
      <c r="S9" s="177"/>
      <c r="T9" s="238">
        <v>160000</v>
      </c>
      <c r="U9" s="239"/>
      <c r="V9" s="240"/>
      <c r="W9" s="244">
        <v>174400</v>
      </c>
      <c r="X9" s="245"/>
    </row>
    <row r="10" spans="1:24" s="3" customFormat="1" ht="10.5" customHeight="1">
      <c r="A10" s="307" t="s">
        <v>8</v>
      </c>
      <c r="B10" s="308">
        <v>3900</v>
      </c>
      <c r="C10" s="40"/>
      <c r="D10" s="312" t="s">
        <v>107</v>
      </c>
      <c r="E10" s="258" t="s">
        <v>51</v>
      </c>
      <c r="F10" s="261" t="s">
        <v>108</v>
      </c>
      <c r="G10" s="41"/>
      <c r="H10" s="41"/>
      <c r="I10" s="41"/>
      <c r="J10" s="229">
        <v>100</v>
      </c>
      <c r="K10" s="229">
        <v>0.3</v>
      </c>
      <c r="L10" s="230" t="s">
        <v>41</v>
      </c>
      <c r="O10" s="274"/>
      <c r="P10" s="233"/>
      <c r="Q10" s="234"/>
      <c r="R10" s="216"/>
      <c r="S10" s="218"/>
      <c r="T10" s="241"/>
      <c r="U10" s="242"/>
      <c r="V10" s="243"/>
      <c r="W10" s="246"/>
      <c r="X10" s="247"/>
    </row>
    <row r="11" spans="1:24" s="3" customFormat="1" ht="21" customHeight="1">
      <c r="A11" s="85"/>
      <c r="B11" s="309"/>
      <c r="C11" s="25"/>
      <c r="D11" s="313"/>
      <c r="E11" s="259"/>
      <c r="F11" s="93"/>
      <c r="G11" s="4"/>
      <c r="H11" s="4"/>
      <c r="I11" s="4"/>
      <c r="J11" s="95"/>
      <c r="K11" s="95"/>
      <c r="L11" s="91"/>
      <c r="O11" s="274"/>
      <c r="P11" s="231" t="s">
        <v>62</v>
      </c>
      <c r="Q11" s="232"/>
      <c r="R11" s="22" t="s">
        <v>58</v>
      </c>
      <c r="S11" s="23"/>
      <c r="T11" s="235">
        <v>150000</v>
      </c>
      <c r="U11" s="236"/>
      <c r="V11" s="237"/>
      <c r="W11" s="248">
        <v>163500</v>
      </c>
      <c r="X11" s="249"/>
    </row>
    <row r="12" spans="1:24" s="3" customFormat="1" ht="21" customHeight="1">
      <c r="A12" s="64" t="s">
        <v>9</v>
      </c>
      <c r="B12" s="24"/>
      <c r="C12" s="66" t="s">
        <v>128</v>
      </c>
      <c r="D12" s="67"/>
      <c r="E12" s="259"/>
      <c r="F12" s="26" t="s">
        <v>108</v>
      </c>
      <c r="G12" s="4"/>
      <c r="H12" s="4"/>
      <c r="I12" s="4"/>
      <c r="J12" s="68">
        <v>150</v>
      </c>
      <c r="K12" s="68">
        <v>0.3</v>
      </c>
      <c r="L12" s="69" t="s">
        <v>41</v>
      </c>
      <c r="O12" s="274"/>
      <c r="P12" s="233"/>
      <c r="Q12" s="234"/>
      <c r="R12" s="22" t="s">
        <v>60</v>
      </c>
      <c r="S12" s="23"/>
      <c r="T12" s="235">
        <v>130000</v>
      </c>
      <c r="U12" s="236"/>
      <c r="V12" s="237"/>
      <c r="W12" s="248">
        <v>141700</v>
      </c>
      <c r="X12" s="249"/>
    </row>
    <row r="13" spans="1:24" s="3" customFormat="1" ht="21" customHeight="1">
      <c r="A13" s="64" t="s">
        <v>16</v>
      </c>
      <c r="B13" s="24"/>
      <c r="C13" s="25"/>
      <c r="D13" s="67"/>
      <c r="E13" s="259"/>
      <c r="F13" s="26" t="s">
        <v>109</v>
      </c>
      <c r="G13" s="4"/>
      <c r="H13" s="4"/>
      <c r="I13" s="4"/>
      <c r="J13" s="68">
        <v>150</v>
      </c>
      <c r="K13" s="68">
        <v>0.3</v>
      </c>
      <c r="L13" s="69" t="s">
        <v>41</v>
      </c>
      <c r="O13" s="274"/>
      <c r="P13" s="215" t="s">
        <v>63</v>
      </c>
      <c r="Q13" s="177"/>
      <c r="R13" s="22" t="s">
        <v>58</v>
      </c>
      <c r="S13" s="23"/>
      <c r="T13" s="235">
        <v>120000</v>
      </c>
      <c r="U13" s="236"/>
      <c r="V13" s="237"/>
      <c r="W13" s="248">
        <v>130800</v>
      </c>
      <c r="X13" s="249"/>
    </row>
    <row r="14" spans="1:24" s="3" customFormat="1" ht="21" customHeight="1">
      <c r="A14" s="64" t="s">
        <v>10</v>
      </c>
      <c r="B14" s="24"/>
      <c r="C14" s="25"/>
      <c r="D14" s="67"/>
      <c r="E14" s="259"/>
      <c r="F14" s="26" t="s">
        <v>110</v>
      </c>
      <c r="G14" s="4"/>
      <c r="H14" s="4"/>
      <c r="I14" s="4"/>
      <c r="J14" s="68">
        <v>150</v>
      </c>
      <c r="K14" s="68">
        <v>0.3</v>
      </c>
      <c r="L14" s="69" t="s">
        <v>41</v>
      </c>
      <c r="O14" s="274"/>
      <c r="P14" s="216"/>
      <c r="Q14" s="218"/>
      <c r="R14" s="22" t="s">
        <v>60</v>
      </c>
      <c r="S14" s="23"/>
      <c r="T14" s="235">
        <v>50000</v>
      </c>
      <c r="U14" s="236"/>
      <c r="V14" s="237"/>
      <c r="W14" s="248">
        <v>54500</v>
      </c>
      <c r="X14" s="249"/>
    </row>
    <row r="15" spans="1:24" s="3" customFormat="1" ht="21" customHeight="1" thickBot="1">
      <c r="A15" s="64" t="s">
        <v>47</v>
      </c>
      <c r="B15" s="24"/>
      <c r="C15" s="25"/>
      <c r="D15" s="67"/>
      <c r="E15" s="259"/>
      <c r="F15" s="26" t="s">
        <v>109</v>
      </c>
      <c r="G15" s="4"/>
      <c r="H15" s="4"/>
      <c r="I15" s="4"/>
      <c r="J15" s="68">
        <v>80</v>
      </c>
      <c r="K15" s="68">
        <v>0.2</v>
      </c>
      <c r="L15" s="69"/>
      <c r="O15" s="27" t="s">
        <v>64</v>
      </c>
      <c r="P15" s="28"/>
      <c r="Q15" s="28"/>
      <c r="R15" s="28"/>
      <c r="S15" s="29"/>
      <c r="T15" s="252">
        <v>50000</v>
      </c>
      <c r="U15" s="253"/>
      <c r="V15" s="254"/>
      <c r="W15" s="250">
        <v>54500</v>
      </c>
      <c r="X15" s="251"/>
    </row>
    <row r="16" spans="1:24" s="3" customFormat="1" ht="21" customHeight="1">
      <c r="A16" s="64" t="s">
        <v>11</v>
      </c>
      <c r="B16" s="24"/>
      <c r="C16" s="25"/>
      <c r="D16" s="67"/>
      <c r="E16" s="259"/>
      <c r="F16" s="26" t="s">
        <v>109</v>
      </c>
      <c r="G16" s="4"/>
      <c r="H16" s="4"/>
      <c r="I16" s="4"/>
      <c r="J16" s="68">
        <v>150</v>
      </c>
      <c r="K16" s="68">
        <v>0.3</v>
      </c>
      <c r="L16" s="69"/>
      <c r="O16" s="11"/>
      <c r="P16" s="11"/>
      <c r="Q16" s="11"/>
      <c r="R16" s="44"/>
      <c r="S16" s="12"/>
      <c r="T16" s="12"/>
      <c r="U16" s="12"/>
      <c r="V16" s="13"/>
      <c r="W16" s="13"/>
    </row>
    <row r="17" spans="1:27" s="3" customFormat="1" ht="21" customHeight="1" thickBot="1">
      <c r="A17" s="64" t="s">
        <v>12</v>
      </c>
      <c r="B17" s="24"/>
      <c r="C17" s="25"/>
      <c r="D17" s="67"/>
      <c r="E17" s="259"/>
      <c r="F17" s="26" t="s">
        <v>111</v>
      </c>
      <c r="G17" s="4"/>
      <c r="H17" s="4"/>
      <c r="I17" s="4"/>
      <c r="J17" s="68">
        <v>150</v>
      </c>
      <c r="K17" s="68">
        <v>0.25</v>
      </c>
      <c r="L17" s="69" t="s">
        <v>41</v>
      </c>
      <c r="O17" s="30" t="s">
        <v>65</v>
      </c>
      <c r="P17" s="19"/>
      <c r="Q17" s="20"/>
      <c r="R17" s="20"/>
      <c r="S17" s="20"/>
      <c r="T17" s="20"/>
      <c r="U17" s="20"/>
      <c r="V17" s="30" t="s">
        <v>130</v>
      </c>
      <c r="W17" s="19"/>
    </row>
    <row r="18" spans="1:27" s="3" customFormat="1" ht="21" customHeight="1">
      <c r="A18" s="83" t="s">
        <v>13</v>
      </c>
      <c r="B18" s="24"/>
      <c r="C18" s="25"/>
      <c r="D18" s="67"/>
      <c r="E18" s="259"/>
      <c r="F18" s="92" t="s">
        <v>109</v>
      </c>
      <c r="G18" s="4"/>
      <c r="H18" s="4"/>
      <c r="I18" s="4"/>
      <c r="J18" s="88" t="s">
        <v>98</v>
      </c>
      <c r="K18" s="94">
        <v>0.2</v>
      </c>
      <c r="L18" s="80"/>
      <c r="O18" s="31"/>
      <c r="P18" s="292" t="s">
        <v>66</v>
      </c>
      <c r="Q18" s="205"/>
      <c r="R18" s="292" t="s">
        <v>67</v>
      </c>
      <c r="S18" s="204"/>
      <c r="T18" s="298"/>
      <c r="V18" s="203" t="s">
        <v>68</v>
      </c>
      <c r="W18" s="204"/>
      <c r="X18" s="204"/>
      <c r="Y18" s="204"/>
      <c r="Z18" s="205"/>
      <c r="AA18" s="32" t="s">
        <v>69</v>
      </c>
    </row>
    <row r="19" spans="1:27" s="3" customFormat="1" ht="10.5" customHeight="1">
      <c r="A19" s="85"/>
      <c r="B19" s="24"/>
      <c r="C19" s="25"/>
      <c r="D19" s="67"/>
      <c r="E19" s="259"/>
      <c r="F19" s="93"/>
      <c r="G19" s="4"/>
      <c r="H19" s="4"/>
      <c r="I19" s="4"/>
      <c r="J19" s="89"/>
      <c r="K19" s="95"/>
      <c r="L19" s="82"/>
      <c r="O19" s="206" t="s">
        <v>112</v>
      </c>
      <c r="P19" s="224" t="s">
        <v>70</v>
      </c>
      <c r="Q19" s="225"/>
      <c r="R19" s="299">
        <v>6</v>
      </c>
      <c r="S19" s="300"/>
      <c r="T19" s="301"/>
      <c r="V19" s="209" t="s">
        <v>71</v>
      </c>
      <c r="W19" s="210"/>
      <c r="X19" s="215" t="s">
        <v>134</v>
      </c>
      <c r="Y19" s="176"/>
      <c r="Z19" s="177"/>
      <c r="AA19" s="201">
        <v>2000</v>
      </c>
    </row>
    <row r="20" spans="1:27" s="3" customFormat="1" ht="10.5" customHeight="1">
      <c r="A20" s="83" t="s">
        <v>14</v>
      </c>
      <c r="B20" s="24"/>
      <c r="C20" s="25"/>
      <c r="D20" s="67"/>
      <c r="E20" s="259"/>
      <c r="F20" s="92" t="s">
        <v>109</v>
      </c>
      <c r="G20" s="4"/>
      <c r="H20" s="4"/>
      <c r="I20" s="4"/>
      <c r="J20" s="88" t="s">
        <v>98</v>
      </c>
      <c r="K20" s="94">
        <v>0.3</v>
      </c>
      <c r="L20" s="80"/>
      <c r="O20" s="207"/>
      <c r="P20" s="226"/>
      <c r="Q20" s="227"/>
      <c r="R20" s="302"/>
      <c r="S20" s="303"/>
      <c r="T20" s="304"/>
      <c r="V20" s="211"/>
      <c r="W20" s="212"/>
      <c r="X20" s="216"/>
      <c r="Y20" s="217"/>
      <c r="Z20" s="218"/>
      <c r="AA20" s="202"/>
    </row>
    <row r="21" spans="1:27" s="3" customFormat="1" ht="21" customHeight="1">
      <c r="A21" s="85"/>
      <c r="B21" s="24"/>
      <c r="C21" s="25"/>
      <c r="D21" s="67"/>
      <c r="E21" s="259"/>
      <c r="F21" s="93"/>
      <c r="G21" s="4"/>
      <c r="H21" s="4"/>
      <c r="I21" s="4"/>
      <c r="J21" s="89"/>
      <c r="K21" s="95"/>
      <c r="L21" s="82"/>
      <c r="O21" s="207"/>
      <c r="P21" s="220" t="s">
        <v>113</v>
      </c>
      <c r="Q21" s="221"/>
      <c r="R21" s="121">
        <v>7.2</v>
      </c>
      <c r="S21" s="122"/>
      <c r="T21" s="123"/>
      <c r="U21" s="10"/>
      <c r="V21" s="211"/>
      <c r="W21" s="212"/>
      <c r="X21" s="280" t="s">
        <v>135</v>
      </c>
      <c r="Y21" s="280"/>
      <c r="Z21" s="280"/>
      <c r="AA21" s="47">
        <v>2000</v>
      </c>
    </row>
    <row r="22" spans="1:27" s="3" customFormat="1" ht="21" customHeight="1">
      <c r="A22" s="64" t="s">
        <v>15</v>
      </c>
      <c r="B22" s="24"/>
      <c r="C22" s="25"/>
      <c r="D22" s="67"/>
      <c r="E22" s="259"/>
      <c r="F22" s="26" t="s">
        <v>109</v>
      </c>
      <c r="G22" s="4"/>
      <c r="H22" s="4"/>
      <c r="I22" s="4"/>
      <c r="J22" s="68"/>
      <c r="K22" s="68">
        <v>0.2</v>
      </c>
      <c r="L22" s="69"/>
      <c r="O22" s="208"/>
      <c r="P22" s="228" t="s">
        <v>72</v>
      </c>
      <c r="Q22" s="228"/>
      <c r="R22" s="154">
        <v>8.4</v>
      </c>
      <c r="S22" s="155"/>
      <c r="T22" s="156"/>
      <c r="U22" s="10"/>
      <c r="V22" s="211"/>
      <c r="W22" s="212"/>
      <c r="X22" s="187" t="s">
        <v>136</v>
      </c>
      <c r="Y22" s="187"/>
      <c r="Z22" s="187"/>
      <c r="AA22" s="47">
        <v>2400</v>
      </c>
    </row>
    <row r="23" spans="1:27" s="3" customFormat="1" ht="21" customHeight="1">
      <c r="A23" s="64" t="s">
        <v>17</v>
      </c>
      <c r="B23" s="24"/>
      <c r="C23" s="25"/>
      <c r="D23" s="67"/>
      <c r="E23" s="259"/>
      <c r="F23" s="26" t="s">
        <v>114</v>
      </c>
      <c r="G23" s="4"/>
      <c r="H23" s="4"/>
      <c r="I23" s="4"/>
      <c r="J23" s="68">
        <v>150</v>
      </c>
      <c r="K23" s="68">
        <v>0.3</v>
      </c>
      <c r="L23" s="69"/>
      <c r="O23" s="206" t="s">
        <v>111</v>
      </c>
      <c r="P23" s="219" t="s">
        <v>73</v>
      </c>
      <c r="Q23" s="219"/>
      <c r="R23" s="137">
        <v>6</v>
      </c>
      <c r="S23" s="138"/>
      <c r="T23" s="139"/>
      <c r="U23" s="10"/>
      <c r="V23" s="213"/>
      <c r="W23" s="214"/>
      <c r="X23" s="280" t="s">
        <v>137</v>
      </c>
      <c r="Y23" s="280"/>
      <c r="Z23" s="280"/>
      <c r="AA23" s="47">
        <v>3700</v>
      </c>
    </row>
    <row r="24" spans="1:27" s="3" customFormat="1" ht="21" customHeight="1">
      <c r="A24" s="64" t="s">
        <v>18</v>
      </c>
      <c r="B24" s="24"/>
      <c r="C24" s="25"/>
      <c r="D24" s="67"/>
      <c r="E24" s="259"/>
      <c r="F24" s="26" t="s">
        <v>115</v>
      </c>
      <c r="G24" s="4"/>
      <c r="H24" s="4"/>
      <c r="I24" s="4"/>
      <c r="J24" s="68">
        <v>150</v>
      </c>
      <c r="K24" s="68">
        <v>0.25</v>
      </c>
      <c r="L24" s="69"/>
      <c r="O24" s="207"/>
      <c r="P24" s="220" t="s">
        <v>116</v>
      </c>
      <c r="Q24" s="221"/>
      <c r="R24" s="121">
        <v>7.2</v>
      </c>
      <c r="S24" s="122"/>
      <c r="T24" s="123"/>
      <c r="U24" s="9"/>
      <c r="V24" s="222" t="s">
        <v>74</v>
      </c>
      <c r="W24" s="187"/>
      <c r="X24" s="186" t="s">
        <v>75</v>
      </c>
      <c r="Y24" s="187"/>
      <c r="Z24" s="187"/>
      <c r="AA24" s="188">
        <v>3600</v>
      </c>
    </row>
    <row r="25" spans="1:27" s="3" customFormat="1" ht="21" customHeight="1">
      <c r="A25" s="64" t="s">
        <v>19</v>
      </c>
      <c r="B25" s="24"/>
      <c r="C25" s="25"/>
      <c r="D25" s="67"/>
      <c r="E25" s="259"/>
      <c r="F25" s="26" t="s">
        <v>115</v>
      </c>
      <c r="G25" s="4"/>
      <c r="H25" s="4"/>
      <c r="I25" s="4"/>
      <c r="J25" s="68">
        <v>150</v>
      </c>
      <c r="K25" s="68">
        <v>0.2</v>
      </c>
      <c r="L25" s="69"/>
      <c r="O25" s="208"/>
      <c r="P25" s="228" t="s">
        <v>59</v>
      </c>
      <c r="Q25" s="228"/>
      <c r="R25" s="154">
        <v>8.4</v>
      </c>
      <c r="S25" s="155"/>
      <c r="T25" s="156"/>
      <c r="U25" s="9"/>
      <c r="V25" s="223"/>
      <c r="W25" s="187"/>
      <c r="X25" s="187"/>
      <c r="Y25" s="187"/>
      <c r="Z25" s="187"/>
      <c r="AA25" s="188"/>
    </row>
    <row r="26" spans="1:27" s="3" customFormat="1" ht="21" customHeight="1">
      <c r="A26" s="64" t="s">
        <v>20</v>
      </c>
      <c r="B26" s="24"/>
      <c r="C26" s="25"/>
      <c r="D26" s="67"/>
      <c r="E26" s="259"/>
      <c r="F26" s="26" t="s">
        <v>114</v>
      </c>
      <c r="G26" s="262" t="s">
        <v>118</v>
      </c>
      <c r="H26" s="4"/>
      <c r="I26" s="4"/>
      <c r="J26" s="68"/>
      <c r="K26" s="68">
        <v>0.2</v>
      </c>
      <c r="L26" s="69"/>
      <c r="O26" s="146" t="s">
        <v>110</v>
      </c>
      <c r="P26" s="219" t="s">
        <v>73</v>
      </c>
      <c r="Q26" s="219"/>
      <c r="R26" s="137">
        <v>6</v>
      </c>
      <c r="S26" s="138"/>
      <c r="T26" s="139"/>
      <c r="U26" s="9"/>
      <c r="V26" s="223"/>
      <c r="W26" s="187"/>
      <c r="X26" s="187" t="s">
        <v>76</v>
      </c>
      <c r="Y26" s="187"/>
      <c r="Z26" s="187"/>
      <c r="AA26" s="47">
        <v>3900</v>
      </c>
    </row>
    <row r="27" spans="1:27" s="3" customFormat="1" ht="21" customHeight="1">
      <c r="A27" s="64" t="s">
        <v>21</v>
      </c>
      <c r="B27" s="24"/>
      <c r="C27" s="25"/>
      <c r="D27" s="67"/>
      <c r="E27" s="259"/>
      <c r="F27" s="26" t="s">
        <v>115</v>
      </c>
      <c r="G27" s="262"/>
      <c r="H27" s="4"/>
      <c r="I27" s="4"/>
      <c r="J27" s="68">
        <v>150</v>
      </c>
      <c r="K27" s="68">
        <v>0.2</v>
      </c>
      <c r="L27" s="69"/>
      <c r="O27" s="117"/>
      <c r="P27" s="257" t="s">
        <v>81</v>
      </c>
      <c r="Q27" s="257"/>
      <c r="R27" s="121">
        <v>6.8</v>
      </c>
      <c r="S27" s="122"/>
      <c r="T27" s="123"/>
      <c r="U27" s="9"/>
      <c r="V27" s="223"/>
      <c r="W27" s="187"/>
      <c r="X27" s="187" t="s">
        <v>77</v>
      </c>
      <c r="Y27" s="187" t="s">
        <v>78</v>
      </c>
      <c r="Z27" s="33" t="s">
        <v>79</v>
      </c>
      <c r="AA27" s="47">
        <v>6900</v>
      </c>
    </row>
    <row r="28" spans="1:27" s="3" customFormat="1" ht="21" customHeight="1">
      <c r="A28" s="64" t="s">
        <v>22</v>
      </c>
      <c r="B28" s="24"/>
      <c r="C28" s="25"/>
      <c r="D28" s="191" t="s">
        <v>117</v>
      </c>
      <c r="E28" s="259"/>
      <c r="F28" s="26" t="s">
        <v>115</v>
      </c>
      <c r="G28" s="4"/>
      <c r="H28" s="4"/>
      <c r="I28" s="4"/>
      <c r="J28" s="68">
        <v>150</v>
      </c>
      <c r="K28" s="68">
        <v>0.2</v>
      </c>
      <c r="L28" s="69"/>
      <c r="O28" s="117"/>
      <c r="P28" s="257" t="s">
        <v>83</v>
      </c>
      <c r="Q28" s="257"/>
      <c r="R28" s="121">
        <v>7.6</v>
      </c>
      <c r="S28" s="122"/>
      <c r="T28" s="123"/>
      <c r="U28" s="9"/>
      <c r="V28" s="223"/>
      <c r="W28" s="187"/>
      <c r="X28" s="187"/>
      <c r="Y28" s="187"/>
      <c r="Z28" s="33" t="s">
        <v>80</v>
      </c>
      <c r="AA28" s="47">
        <v>10800</v>
      </c>
    </row>
    <row r="29" spans="1:27" s="3" customFormat="1" ht="21" customHeight="1">
      <c r="A29" s="64" t="s">
        <v>23</v>
      </c>
      <c r="B29" s="189">
        <v>3000</v>
      </c>
      <c r="C29" s="190"/>
      <c r="D29" s="191"/>
      <c r="E29" s="259"/>
      <c r="F29" s="26" t="s">
        <v>114</v>
      </c>
      <c r="G29" s="262"/>
      <c r="H29" s="264" t="s">
        <v>41</v>
      </c>
      <c r="I29" s="264" t="s">
        <v>41</v>
      </c>
      <c r="J29" s="68">
        <v>100</v>
      </c>
      <c r="K29" s="68">
        <v>0.2</v>
      </c>
      <c r="L29" s="69"/>
      <c r="O29" s="117"/>
      <c r="P29" s="228" t="s">
        <v>57</v>
      </c>
      <c r="Q29" s="228"/>
      <c r="R29" s="154">
        <v>8.4</v>
      </c>
      <c r="S29" s="155"/>
      <c r="T29" s="156"/>
      <c r="U29" s="9"/>
      <c r="V29" s="223"/>
      <c r="W29" s="187"/>
      <c r="X29" s="187"/>
      <c r="Y29" s="187" t="s">
        <v>82</v>
      </c>
      <c r="Z29" s="33" t="s">
        <v>79</v>
      </c>
      <c r="AA29" s="47">
        <v>3800</v>
      </c>
    </row>
    <row r="30" spans="1:27" s="3" customFormat="1" ht="21" customHeight="1">
      <c r="A30" s="83" t="s">
        <v>24</v>
      </c>
      <c r="B30" s="189"/>
      <c r="C30" s="190"/>
      <c r="D30" s="191"/>
      <c r="E30" s="259"/>
      <c r="F30" s="92" t="s">
        <v>109</v>
      </c>
      <c r="G30" s="262"/>
      <c r="H30" s="264"/>
      <c r="I30" s="264"/>
      <c r="J30" s="163" t="s">
        <v>120</v>
      </c>
      <c r="K30" s="94">
        <v>0.2</v>
      </c>
      <c r="L30" s="90"/>
      <c r="O30" s="117" t="s">
        <v>114</v>
      </c>
      <c r="P30" s="194" t="s">
        <v>85</v>
      </c>
      <c r="Q30" s="195"/>
      <c r="R30" s="192">
        <v>6</v>
      </c>
      <c r="S30" s="192"/>
      <c r="T30" s="193"/>
      <c r="U30" s="9"/>
      <c r="V30" s="223"/>
      <c r="W30" s="187"/>
      <c r="X30" s="187"/>
      <c r="Y30" s="187"/>
      <c r="Z30" s="33" t="s">
        <v>80</v>
      </c>
      <c r="AA30" s="47">
        <v>5000</v>
      </c>
    </row>
    <row r="31" spans="1:27" s="3" customFormat="1" ht="10.5" customHeight="1">
      <c r="A31" s="85"/>
      <c r="B31" s="24"/>
      <c r="C31" s="167" t="s">
        <v>129</v>
      </c>
      <c r="D31" s="191"/>
      <c r="E31" s="259"/>
      <c r="F31" s="93"/>
      <c r="G31" s="4"/>
      <c r="H31" s="4"/>
      <c r="I31" s="4"/>
      <c r="J31" s="164"/>
      <c r="K31" s="95"/>
      <c r="L31" s="91"/>
      <c r="O31" s="117"/>
      <c r="P31" s="171" t="s">
        <v>61</v>
      </c>
      <c r="Q31" s="171"/>
      <c r="R31" s="168">
        <v>8.4</v>
      </c>
      <c r="S31" s="168"/>
      <c r="T31" s="169"/>
      <c r="U31" s="9"/>
      <c r="V31" s="175" t="s">
        <v>84</v>
      </c>
      <c r="W31" s="176"/>
      <c r="X31" s="176"/>
      <c r="Y31" s="176"/>
      <c r="Z31" s="177"/>
      <c r="AA31" s="196">
        <v>6000</v>
      </c>
    </row>
    <row r="32" spans="1:27" s="3" customFormat="1" ht="10.5" customHeight="1" thickBot="1">
      <c r="A32" s="83" t="s">
        <v>25</v>
      </c>
      <c r="B32" s="24"/>
      <c r="C32" s="167"/>
      <c r="D32" s="191"/>
      <c r="E32" s="259"/>
      <c r="F32" s="92" t="s">
        <v>114</v>
      </c>
      <c r="G32" s="4"/>
      <c r="H32" s="4"/>
      <c r="I32" s="4"/>
      <c r="J32" s="163"/>
      <c r="K32" s="94">
        <v>0.2</v>
      </c>
      <c r="L32" s="90"/>
      <c r="O32" s="117"/>
      <c r="P32" s="172"/>
      <c r="Q32" s="172"/>
      <c r="R32" s="173"/>
      <c r="S32" s="173"/>
      <c r="T32" s="174"/>
      <c r="U32" s="9"/>
      <c r="V32" s="178"/>
      <c r="W32" s="179"/>
      <c r="X32" s="179"/>
      <c r="Y32" s="179"/>
      <c r="Z32" s="180"/>
      <c r="AA32" s="197"/>
    </row>
    <row r="33" spans="1:28" s="3" customFormat="1" ht="10.5" customHeight="1">
      <c r="A33" s="85"/>
      <c r="B33" s="24"/>
      <c r="C33" s="25"/>
      <c r="D33" s="67"/>
      <c r="E33" s="259"/>
      <c r="F33" s="93"/>
      <c r="G33" s="4"/>
      <c r="H33" s="4"/>
      <c r="I33" s="4"/>
      <c r="J33" s="164"/>
      <c r="K33" s="95"/>
      <c r="L33" s="91"/>
      <c r="O33" s="99" t="s">
        <v>115</v>
      </c>
      <c r="P33" s="198" t="s">
        <v>86</v>
      </c>
      <c r="Q33" s="198"/>
      <c r="R33" s="192">
        <v>6</v>
      </c>
      <c r="S33" s="192"/>
      <c r="T33" s="193"/>
      <c r="U33" s="9"/>
      <c r="V33" s="181"/>
      <c r="W33" s="181"/>
      <c r="X33" s="181"/>
      <c r="Y33" s="181"/>
      <c r="Z33" s="181"/>
      <c r="AA33" s="181"/>
      <c r="AB33" s="181"/>
    </row>
    <row r="34" spans="1:28" s="3" customFormat="1" ht="10.5" customHeight="1">
      <c r="A34" s="165" t="s">
        <v>26</v>
      </c>
      <c r="B34" s="24"/>
      <c r="C34" s="25"/>
      <c r="D34" s="67"/>
      <c r="E34" s="259"/>
      <c r="F34" s="96">
        <v>0.06</v>
      </c>
      <c r="G34" s="4"/>
      <c r="H34" s="4"/>
      <c r="I34" s="4"/>
      <c r="J34" s="163"/>
      <c r="K34" s="94">
        <v>0.3</v>
      </c>
      <c r="L34" s="90"/>
      <c r="O34" s="100"/>
      <c r="P34" s="171"/>
      <c r="Q34" s="171"/>
      <c r="R34" s="199"/>
      <c r="S34" s="199"/>
      <c r="T34" s="200"/>
      <c r="U34" s="9"/>
    </row>
    <row r="35" spans="1:28" s="3" customFormat="1" ht="10.5" customHeight="1">
      <c r="A35" s="165"/>
      <c r="B35" s="24"/>
      <c r="C35" s="25"/>
      <c r="D35" s="67"/>
      <c r="E35" s="259"/>
      <c r="F35" s="97"/>
      <c r="G35" s="4"/>
      <c r="H35" s="4"/>
      <c r="I35" s="4"/>
      <c r="J35" s="166"/>
      <c r="K35" s="109"/>
      <c r="L35" s="110"/>
      <c r="O35" s="100"/>
      <c r="P35" s="171" t="s">
        <v>121</v>
      </c>
      <c r="Q35" s="171"/>
      <c r="R35" s="168">
        <v>7.2</v>
      </c>
      <c r="S35" s="168"/>
      <c r="T35" s="169"/>
      <c r="U35" s="9"/>
      <c r="V35" s="170" t="s">
        <v>87</v>
      </c>
      <c r="W35" s="170"/>
      <c r="X35" s="170"/>
    </row>
    <row r="36" spans="1:28" s="3" customFormat="1" ht="10.5" customHeight="1" thickBot="1">
      <c r="A36" s="165" t="s">
        <v>27</v>
      </c>
      <c r="B36" s="24"/>
      <c r="C36" s="25"/>
      <c r="D36" s="67"/>
      <c r="E36" s="259"/>
      <c r="F36" s="92" t="s">
        <v>49</v>
      </c>
      <c r="G36" s="4"/>
      <c r="H36" s="4"/>
      <c r="I36" s="4"/>
      <c r="J36" s="162"/>
      <c r="K36" s="118">
        <v>0.2</v>
      </c>
      <c r="L36" s="133"/>
      <c r="O36" s="100"/>
      <c r="P36" s="171"/>
      <c r="Q36" s="171"/>
      <c r="R36" s="168"/>
      <c r="S36" s="168"/>
      <c r="T36" s="169"/>
      <c r="U36" s="9"/>
      <c r="V36" s="170"/>
      <c r="W36" s="170"/>
      <c r="X36" s="170"/>
      <c r="Y36" s="9"/>
      <c r="Z36" s="9"/>
      <c r="AA36" s="13"/>
    </row>
    <row r="37" spans="1:28" s="3" customFormat="1" ht="10.5" customHeight="1">
      <c r="A37" s="165"/>
      <c r="B37" s="24"/>
      <c r="C37" s="25"/>
      <c r="D37" s="67"/>
      <c r="E37" s="259"/>
      <c r="F37" s="93"/>
      <c r="G37" s="4"/>
      <c r="H37" s="4"/>
      <c r="I37" s="4"/>
      <c r="J37" s="162"/>
      <c r="K37" s="118"/>
      <c r="L37" s="133"/>
      <c r="O37" s="100"/>
      <c r="P37" s="86" t="s">
        <v>89</v>
      </c>
      <c r="Q37" s="87"/>
      <c r="R37" s="121">
        <v>8.4</v>
      </c>
      <c r="S37" s="122"/>
      <c r="T37" s="123"/>
      <c r="U37" s="9"/>
      <c r="V37" s="113"/>
      <c r="W37" s="114"/>
      <c r="X37" s="182" t="s">
        <v>88</v>
      </c>
      <c r="Y37" s="183"/>
      <c r="Z37" s="9"/>
      <c r="AA37" s="13"/>
    </row>
    <row r="38" spans="1:28" s="3" customFormat="1" ht="10.5" customHeight="1">
      <c r="A38" s="83" t="s">
        <v>28</v>
      </c>
      <c r="B38" s="24"/>
      <c r="C38" s="25"/>
      <c r="D38" s="67"/>
      <c r="E38" s="259"/>
      <c r="F38" s="92" t="s">
        <v>119</v>
      </c>
      <c r="G38" s="4"/>
      <c r="H38" s="4"/>
      <c r="I38" s="4"/>
      <c r="J38" s="94">
        <v>150</v>
      </c>
      <c r="K38" s="94"/>
      <c r="L38" s="90"/>
      <c r="O38" s="101"/>
      <c r="P38" s="157"/>
      <c r="Q38" s="158"/>
      <c r="R38" s="154"/>
      <c r="S38" s="155"/>
      <c r="T38" s="156"/>
      <c r="U38" s="9"/>
      <c r="V38" s="115"/>
      <c r="W38" s="116"/>
      <c r="X38" s="184"/>
      <c r="Y38" s="185"/>
      <c r="Z38" s="9"/>
      <c r="AA38" s="13"/>
    </row>
    <row r="39" spans="1:28" s="3" customFormat="1" ht="10.5" customHeight="1">
      <c r="A39" s="85"/>
      <c r="B39" s="24"/>
      <c r="C39" s="25"/>
      <c r="D39" s="67"/>
      <c r="E39" s="259"/>
      <c r="F39" s="93"/>
      <c r="G39" s="4"/>
      <c r="H39" s="4"/>
      <c r="I39" s="4"/>
      <c r="J39" s="95"/>
      <c r="K39" s="95"/>
      <c r="L39" s="91"/>
      <c r="O39" s="99" t="s">
        <v>50</v>
      </c>
      <c r="P39" s="135" t="s">
        <v>85</v>
      </c>
      <c r="Q39" s="136"/>
      <c r="R39" s="137">
        <v>6</v>
      </c>
      <c r="S39" s="138"/>
      <c r="T39" s="139"/>
      <c r="U39" s="9"/>
      <c r="V39" s="148" t="s">
        <v>90</v>
      </c>
      <c r="W39" s="149"/>
      <c r="X39" s="127" t="s">
        <v>133</v>
      </c>
      <c r="Y39" s="128"/>
      <c r="Z39" s="11"/>
      <c r="AA39" s="13"/>
    </row>
    <row r="40" spans="1:28" s="3" customFormat="1" ht="10.5" customHeight="1">
      <c r="A40" s="83" t="s">
        <v>29</v>
      </c>
      <c r="B40" s="24"/>
      <c r="C40" s="25"/>
      <c r="D40" s="67"/>
      <c r="E40" s="259"/>
      <c r="F40" s="96">
        <v>0.06</v>
      </c>
      <c r="G40" s="4"/>
      <c r="H40" s="4"/>
      <c r="I40" s="4"/>
      <c r="J40" s="94"/>
      <c r="K40" s="94"/>
      <c r="L40" s="90"/>
      <c r="O40" s="100"/>
      <c r="P40" s="86"/>
      <c r="Q40" s="87"/>
      <c r="R40" s="140"/>
      <c r="S40" s="141"/>
      <c r="T40" s="142"/>
      <c r="U40" s="9"/>
      <c r="V40" s="150"/>
      <c r="W40" s="151"/>
      <c r="X40" s="129"/>
      <c r="Y40" s="130"/>
      <c r="Z40" s="11"/>
      <c r="AA40" s="13"/>
    </row>
    <row r="41" spans="1:28" s="3" customFormat="1" ht="10.5" customHeight="1" thickBot="1">
      <c r="A41" s="85"/>
      <c r="B41" s="24"/>
      <c r="C41" s="25"/>
      <c r="D41" s="67"/>
      <c r="E41" s="259"/>
      <c r="F41" s="97"/>
      <c r="G41" s="4"/>
      <c r="H41" s="4"/>
      <c r="I41" s="4"/>
      <c r="J41" s="95"/>
      <c r="K41" s="95"/>
      <c r="L41" s="91"/>
      <c r="O41" s="100"/>
      <c r="P41" s="86" t="s">
        <v>91</v>
      </c>
      <c r="Q41" s="87"/>
      <c r="R41" s="121">
        <v>7.2</v>
      </c>
      <c r="S41" s="122"/>
      <c r="T41" s="123"/>
      <c r="U41" s="9"/>
      <c r="V41" s="152"/>
      <c r="W41" s="153"/>
      <c r="X41" s="131"/>
      <c r="Y41" s="132"/>
      <c r="Z41" s="45"/>
      <c r="AA41" s="45"/>
    </row>
    <row r="42" spans="1:28" s="3" customFormat="1" ht="10.5" customHeight="1">
      <c r="A42" s="83" t="s">
        <v>30</v>
      </c>
      <c r="B42" s="24"/>
      <c r="C42" s="25"/>
      <c r="D42" s="67"/>
      <c r="E42" s="259"/>
      <c r="F42" s="92" t="s">
        <v>50</v>
      </c>
      <c r="G42" s="4"/>
      <c r="H42" s="4"/>
      <c r="I42" s="4"/>
      <c r="J42" s="94"/>
      <c r="K42" s="94"/>
      <c r="L42" s="90"/>
      <c r="O42" s="100"/>
      <c r="P42" s="86"/>
      <c r="Q42" s="87"/>
      <c r="R42" s="121"/>
      <c r="S42" s="122"/>
      <c r="T42" s="123"/>
      <c r="U42" s="9"/>
      <c r="V42" s="39"/>
      <c r="W42" s="39"/>
      <c r="X42" s="19"/>
      <c r="Y42" s="19"/>
      <c r="Z42" s="45"/>
      <c r="AA42" s="45"/>
    </row>
    <row r="43" spans="1:28" s="3" customFormat="1" ht="10.5" customHeight="1">
      <c r="A43" s="85"/>
      <c r="B43" s="24"/>
      <c r="C43" s="25"/>
      <c r="D43" s="67"/>
      <c r="E43" s="259"/>
      <c r="F43" s="93"/>
      <c r="G43" s="4"/>
      <c r="H43" s="4"/>
      <c r="I43" s="4"/>
      <c r="J43" s="95"/>
      <c r="K43" s="95"/>
      <c r="L43" s="91"/>
      <c r="O43" s="100"/>
      <c r="P43" s="86" t="s">
        <v>92</v>
      </c>
      <c r="Q43" s="87"/>
      <c r="R43" s="121">
        <v>8.4</v>
      </c>
      <c r="S43" s="122"/>
      <c r="T43" s="123"/>
      <c r="U43" s="9"/>
      <c r="V43" s="39"/>
      <c r="W43" s="39"/>
      <c r="X43" s="19"/>
      <c r="Y43" s="19"/>
      <c r="Z43" s="45"/>
      <c r="AA43" s="45"/>
    </row>
    <row r="44" spans="1:28" s="3" customFormat="1" ht="10.5" customHeight="1">
      <c r="A44" s="83" t="s">
        <v>31</v>
      </c>
      <c r="B44" s="24"/>
      <c r="C44" s="25"/>
      <c r="D44" s="67"/>
      <c r="E44" s="259"/>
      <c r="F44" s="92" t="s">
        <v>127</v>
      </c>
      <c r="G44" s="4"/>
      <c r="H44" s="4"/>
      <c r="I44" s="4"/>
      <c r="J44" s="88" t="s">
        <v>99</v>
      </c>
      <c r="K44" s="94"/>
      <c r="L44" s="90"/>
      <c r="O44" s="101"/>
      <c r="P44" s="157"/>
      <c r="Q44" s="158"/>
      <c r="R44" s="154"/>
      <c r="S44" s="155"/>
      <c r="T44" s="156"/>
      <c r="U44" s="9"/>
      <c r="V44" s="143" t="s">
        <v>93</v>
      </c>
      <c r="W44" s="143"/>
      <c r="X44" s="143"/>
      <c r="Y44" s="19"/>
      <c r="Z44" s="45"/>
      <c r="AA44" s="45"/>
    </row>
    <row r="45" spans="1:28" s="3" customFormat="1" ht="10.5" customHeight="1" thickBot="1">
      <c r="A45" s="84"/>
      <c r="B45" s="24"/>
      <c r="C45" s="25"/>
      <c r="D45" s="67"/>
      <c r="E45" s="259"/>
      <c r="F45" s="161"/>
      <c r="G45" s="4"/>
      <c r="H45" s="4"/>
      <c r="I45" s="4"/>
      <c r="J45" s="111"/>
      <c r="K45" s="109"/>
      <c r="L45" s="110"/>
      <c r="O45" s="99" t="s">
        <v>49</v>
      </c>
      <c r="P45" s="135" t="s">
        <v>122</v>
      </c>
      <c r="Q45" s="136"/>
      <c r="R45" s="138">
        <v>6</v>
      </c>
      <c r="S45" s="138"/>
      <c r="T45" s="139"/>
      <c r="U45" s="9"/>
      <c r="V45" s="143"/>
      <c r="W45" s="143"/>
      <c r="X45" s="143"/>
      <c r="Y45" s="75"/>
      <c r="Z45" s="75"/>
      <c r="AA45" s="75"/>
      <c r="AB45" s="75"/>
    </row>
    <row r="46" spans="1:28" s="3" customFormat="1" ht="10.5" customHeight="1">
      <c r="A46" s="85"/>
      <c r="B46" s="24"/>
      <c r="C46" s="25"/>
      <c r="D46" s="67"/>
      <c r="E46" s="259"/>
      <c r="F46" s="93"/>
      <c r="G46" s="4"/>
      <c r="H46" s="4"/>
      <c r="I46" s="4"/>
      <c r="J46" s="89"/>
      <c r="K46" s="95"/>
      <c r="L46" s="91"/>
      <c r="O46" s="100"/>
      <c r="P46" s="86"/>
      <c r="Q46" s="87"/>
      <c r="R46" s="141"/>
      <c r="S46" s="141"/>
      <c r="T46" s="142"/>
      <c r="U46" s="9"/>
      <c r="V46" s="144"/>
      <c r="W46" s="145"/>
      <c r="X46" s="159" t="s">
        <v>88</v>
      </c>
      <c r="Y46" s="160"/>
      <c r="Z46" s="43"/>
      <c r="AA46" s="43"/>
    </row>
    <row r="47" spans="1:28" s="3" customFormat="1" ht="10.5" customHeight="1">
      <c r="A47" s="83" t="s">
        <v>32</v>
      </c>
      <c r="B47" s="24"/>
      <c r="C47" s="25"/>
      <c r="D47" s="67"/>
      <c r="E47" s="259"/>
      <c r="F47" s="96">
        <v>0.06</v>
      </c>
      <c r="G47" s="4"/>
      <c r="H47" s="4"/>
      <c r="I47" s="4"/>
      <c r="J47" s="105"/>
      <c r="K47" s="107"/>
      <c r="L47" s="80"/>
      <c r="O47" s="100"/>
      <c r="P47" s="86" t="s">
        <v>123</v>
      </c>
      <c r="Q47" s="87"/>
      <c r="R47" s="121">
        <v>7.2</v>
      </c>
      <c r="S47" s="122"/>
      <c r="T47" s="123"/>
      <c r="U47" s="9"/>
      <c r="V47" s="146"/>
      <c r="W47" s="147"/>
      <c r="X47" s="118"/>
      <c r="Y47" s="133"/>
      <c r="Z47" s="43"/>
      <c r="AA47" s="43"/>
    </row>
    <row r="48" spans="1:28" s="3" customFormat="1" ht="10.5" customHeight="1">
      <c r="A48" s="85"/>
      <c r="B48" s="24"/>
      <c r="C48" s="25"/>
      <c r="D48" s="67"/>
      <c r="E48" s="259"/>
      <c r="F48" s="97"/>
      <c r="G48" s="4"/>
      <c r="H48" s="4"/>
      <c r="I48" s="4"/>
      <c r="J48" s="106"/>
      <c r="K48" s="108"/>
      <c r="L48" s="82"/>
      <c r="O48" s="100"/>
      <c r="P48" s="86"/>
      <c r="Q48" s="87"/>
      <c r="R48" s="121"/>
      <c r="S48" s="122"/>
      <c r="T48" s="123"/>
      <c r="U48" s="9"/>
      <c r="V48" s="117" t="s">
        <v>95</v>
      </c>
      <c r="W48" s="118"/>
      <c r="X48" s="118" t="s">
        <v>96</v>
      </c>
      <c r="Y48" s="133"/>
      <c r="Z48" s="43"/>
      <c r="AA48" s="43"/>
    </row>
    <row r="49" spans="1:27" s="3" customFormat="1" ht="10.5" customHeight="1">
      <c r="A49" s="83" t="s">
        <v>33</v>
      </c>
      <c r="B49" s="24"/>
      <c r="C49" s="25"/>
      <c r="D49" s="67"/>
      <c r="E49" s="259"/>
      <c r="F49" s="96">
        <v>0.06</v>
      </c>
      <c r="G49" s="4"/>
      <c r="H49" s="4"/>
      <c r="I49" s="4"/>
      <c r="J49" s="88" t="s">
        <v>99</v>
      </c>
      <c r="K49" s="107"/>
      <c r="L49" s="80"/>
      <c r="O49" s="100"/>
      <c r="P49" s="86" t="s">
        <v>124</v>
      </c>
      <c r="Q49" s="87"/>
      <c r="R49" s="121">
        <v>8.4</v>
      </c>
      <c r="S49" s="122"/>
      <c r="T49" s="123"/>
      <c r="U49" s="9"/>
      <c r="V49" s="117"/>
      <c r="W49" s="118"/>
      <c r="X49" s="118"/>
      <c r="Y49" s="133"/>
      <c r="Z49" s="43"/>
      <c r="AA49" s="43"/>
    </row>
    <row r="50" spans="1:27" s="3" customFormat="1" ht="10.5" customHeight="1">
      <c r="A50" s="84"/>
      <c r="B50" s="24"/>
      <c r="C50" s="25"/>
      <c r="D50" s="67"/>
      <c r="E50" s="259"/>
      <c r="F50" s="97"/>
      <c r="G50" s="4"/>
      <c r="H50" s="4"/>
      <c r="I50" s="4"/>
      <c r="J50" s="111"/>
      <c r="K50" s="112"/>
      <c r="L50" s="81"/>
      <c r="O50" s="101"/>
      <c r="P50" s="157"/>
      <c r="Q50" s="158"/>
      <c r="R50" s="154"/>
      <c r="S50" s="155"/>
      <c r="T50" s="156"/>
      <c r="U50" s="9"/>
      <c r="V50" s="117"/>
      <c r="W50" s="118"/>
      <c r="X50" s="118"/>
      <c r="Y50" s="133"/>
      <c r="Z50" s="43"/>
      <c r="AA50" s="43"/>
    </row>
    <row r="51" spans="1:27" s="3" customFormat="1" ht="10.5" customHeight="1">
      <c r="A51" s="85"/>
      <c r="B51" s="24"/>
      <c r="C51" s="25"/>
      <c r="D51" s="67"/>
      <c r="E51" s="259"/>
      <c r="F51" s="98"/>
      <c r="G51" s="4"/>
      <c r="H51" s="4"/>
      <c r="I51" s="4"/>
      <c r="J51" s="89"/>
      <c r="K51" s="108"/>
      <c r="L51" s="82"/>
      <c r="O51" s="99" t="s">
        <v>119</v>
      </c>
      <c r="P51" s="135" t="s">
        <v>126</v>
      </c>
      <c r="Q51" s="136"/>
      <c r="R51" s="137">
        <v>6</v>
      </c>
      <c r="S51" s="138"/>
      <c r="T51" s="139"/>
      <c r="U51" s="9"/>
      <c r="V51" s="117" t="s">
        <v>97</v>
      </c>
      <c r="W51" s="118"/>
      <c r="X51" s="118" t="s">
        <v>131</v>
      </c>
      <c r="Y51" s="133"/>
      <c r="Z51" s="43"/>
      <c r="AA51" s="43"/>
    </row>
    <row r="52" spans="1:27" s="3" customFormat="1" ht="10.5" customHeight="1">
      <c r="A52" s="83" t="s">
        <v>34</v>
      </c>
      <c r="B52" s="24"/>
      <c r="C52" s="25"/>
      <c r="D52" s="67"/>
      <c r="E52" s="259"/>
      <c r="F52" s="92" t="s">
        <v>109</v>
      </c>
      <c r="G52" s="4"/>
      <c r="H52" s="4"/>
      <c r="I52" s="4"/>
      <c r="J52" s="88"/>
      <c r="K52" s="88"/>
      <c r="L52" s="90"/>
      <c r="O52" s="100"/>
      <c r="P52" s="86"/>
      <c r="Q52" s="87"/>
      <c r="R52" s="140"/>
      <c r="S52" s="141"/>
      <c r="T52" s="142"/>
      <c r="U52" s="9"/>
      <c r="V52" s="117"/>
      <c r="W52" s="118"/>
      <c r="X52" s="118"/>
      <c r="Y52" s="133"/>
      <c r="Z52" s="76"/>
      <c r="AA52" s="43"/>
    </row>
    <row r="53" spans="1:27" s="3" customFormat="1" ht="10.5" customHeight="1" thickBot="1">
      <c r="A53" s="85"/>
      <c r="B53" s="24"/>
      <c r="C53" s="25"/>
      <c r="D53" s="67"/>
      <c r="E53" s="259"/>
      <c r="F53" s="93"/>
      <c r="G53" s="4"/>
      <c r="H53" s="4"/>
      <c r="I53" s="4"/>
      <c r="J53" s="89"/>
      <c r="K53" s="89"/>
      <c r="L53" s="91"/>
      <c r="O53" s="100"/>
      <c r="P53" s="86" t="s">
        <v>94</v>
      </c>
      <c r="Q53" s="87"/>
      <c r="R53" s="121">
        <v>7.2</v>
      </c>
      <c r="S53" s="122"/>
      <c r="T53" s="123"/>
      <c r="U53" s="9"/>
      <c r="V53" s="119"/>
      <c r="W53" s="120"/>
      <c r="X53" s="120"/>
      <c r="Y53" s="134"/>
      <c r="Z53" s="43"/>
      <c r="AA53" s="43"/>
    </row>
    <row r="54" spans="1:27" s="3" customFormat="1" ht="10.5" customHeight="1">
      <c r="A54" s="83" t="s">
        <v>35</v>
      </c>
      <c r="B54" s="24"/>
      <c r="C54" s="25"/>
      <c r="D54" s="67"/>
      <c r="E54" s="259"/>
      <c r="F54" s="96">
        <v>0.06</v>
      </c>
      <c r="G54" s="263">
        <v>1.5800000000000002E-2</v>
      </c>
      <c r="H54" s="4"/>
      <c r="I54" s="4"/>
      <c r="J54" s="88" t="s">
        <v>100</v>
      </c>
      <c r="K54" s="107"/>
      <c r="L54" s="80"/>
      <c r="O54" s="100"/>
      <c r="P54" s="86"/>
      <c r="Q54" s="87"/>
      <c r="R54" s="121"/>
      <c r="S54" s="122"/>
      <c r="T54" s="123"/>
      <c r="U54" s="9"/>
      <c r="V54" s="19"/>
      <c r="W54" s="19"/>
      <c r="X54" s="77"/>
      <c r="Y54" s="77"/>
      <c r="Z54" s="43"/>
      <c r="AA54" s="43"/>
    </row>
    <row r="55" spans="1:27" s="3" customFormat="1" ht="10.5" customHeight="1">
      <c r="A55" s="84"/>
      <c r="B55" s="24"/>
      <c r="C55" s="25"/>
      <c r="D55" s="67"/>
      <c r="E55" s="259"/>
      <c r="F55" s="97"/>
      <c r="G55" s="264"/>
      <c r="H55" s="4"/>
      <c r="I55" s="4"/>
      <c r="J55" s="111"/>
      <c r="K55" s="112"/>
      <c r="L55" s="81"/>
      <c r="O55" s="100"/>
      <c r="P55" s="86" t="s">
        <v>125</v>
      </c>
      <c r="Q55" s="87"/>
      <c r="R55" s="121">
        <v>8.4</v>
      </c>
      <c r="S55" s="122"/>
      <c r="T55" s="123"/>
      <c r="U55" s="9"/>
      <c r="V55" s="19"/>
      <c r="W55" s="19"/>
      <c r="X55" s="77"/>
      <c r="Y55" s="77"/>
      <c r="Z55" s="43"/>
      <c r="AA55" s="43"/>
    </row>
    <row r="56" spans="1:27" s="3" customFormat="1" ht="10.5" customHeight="1" thickBot="1">
      <c r="A56" s="85"/>
      <c r="B56" s="24"/>
      <c r="C56" s="25"/>
      <c r="D56" s="67"/>
      <c r="E56" s="259"/>
      <c r="F56" s="98"/>
      <c r="G56" s="265"/>
      <c r="H56" s="4"/>
      <c r="I56" s="4"/>
      <c r="J56" s="89"/>
      <c r="K56" s="108"/>
      <c r="L56" s="82"/>
      <c r="O56" s="102"/>
      <c r="P56" s="103"/>
      <c r="Q56" s="104"/>
      <c r="R56" s="124"/>
      <c r="S56" s="125"/>
      <c r="T56" s="126"/>
      <c r="U56" s="9"/>
      <c r="V56" s="19"/>
      <c r="W56" s="19"/>
      <c r="X56" s="77"/>
      <c r="Y56" s="77"/>
      <c r="Z56" s="43"/>
      <c r="AA56" s="43"/>
    </row>
    <row r="57" spans="1:27" s="3" customFormat="1" ht="10.5" customHeight="1">
      <c r="A57" s="83" t="s">
        <v>36</v>
      </c>
      <c r="B57" s="24"/>
      <c r="C57" s="25"/>
      <c r="D57" s="67"/>
      <c r="E57" s="259"/>
      <c r="F57" s="96">
        <v>0.06</v>
      </c>
      <c r="G57" s="4"/>
      <c r="H57" s="4"/>
      <c r="I57" s="4"/>
      <c r="J57" s="105"/>
      <c r="K57" s="107"/>
      <c r="L57" s="80"/>
      <c r="O57" s="79" t="s">
        <v>132</v>
      </c>
      <c r="P57" s="79"/>
      <c r="Q57" s="79"/>
      <c r="R57" s="79"/>
      <c r="S57" s="79"/>
      <c r="T57" s="79"/>
      <c r="U57" s="79"/>
      <c r="V57" s="74"/>
      <c r="W57" s="74"/>
      <c r="X57" s="42"/>
      <c r="Y57" s="42"/>
      <c r="Z57" s="43"/>
      <c r="AA57" s="43"/>
    </row>
    <row r="58" spans="1:27" s="3" customFormat="1" ht="10.5" customHeight="1">
      <c r="A58" s="85"/>
      <c r="B58" s="24"/>
      <c r="C58" s="25"/>
      <c r="D58" s="67"/>
      <c r="E58" s="259"/>
      <c r="F58" s="97"/>
      <c r="G58" s="4"/>
      <c r="H58" s="4"/>
      <c r="I58" s="4"/>
      <c r="J58" s="106"/>
      <c r="K58" s="108"/>
      <c r="L58" s="82"/>
      <c r="O58" s="79"/>
      <c r="P58" s="79"/>
      <c r="Q58" s="79"/>
      <c r="R58" s="79"/>
      <c r="S58" s="79"/>
      <c r="T58" s="79"/>
      <c r="U58" s="79"/>
      <c r="Z58" s="43"/>
      <c r="AA58" s="43"/>
    </row>
    <row r="59" spans="1:27" s="3" customFormat="1" ht="10.5" customHeight="1">
      <c r="A59" s="83" t="s">
        <v>37</v>
      </c>
      <c r="B59" s="24"/>
      <c r="C59" s="25"/>
      <c r="D59" s="67"/>
      <c r="E59" s="259"/>
      <c r="F59" s="96">
        <v>0.06</v>
      </c>
      <c r="G59" s="4"/>
      <c r="H59" s="4"/>
      <c r="I59" s="4"/>
      <c r="J59" s="88" t="s">
        <v>98</v>
      </c>
      <c r="K59" s="94">
        <v>0.25</v>
      </c>
      <c r="L59" s="90"/>
      <c r="O59" s="19"/>
      <c r="P59" s="19"/>
      <c r="Q59" s="19"/>
      <c r="R59" s="19"/>
      <c r="S59" s="19"/>
      <c r="T59" s="19"/>
      <c r="U59" s="9"/>
      <c r="Z59" s="43"/>
      <c r="AA59" s="43"/>
    </row>
    <row r="60" spans="1:27" s="3" customFormat="1" ht="10.5" customHeight="1">
      <c r="A60" s="84"/>
      <c r="B60" s="24"/>
      <c r="C60" s="25"/>
      <c r="D60" s="67"/>
      <c r="E60" s="259"/>
      <c r="F60" s="97"/>
      <c r="G60" s="262" t="s">
        <v>118</v>
      </c>
      <c r="H60" s="4"/>
      <c r="I60" s="4"/>
      <c r="J60" s="111"/>
      <c r="K60" s="109"/>
      <c r="L60" s="110"/>
      <c r="O60" s="19"/>
      <c r="P60" s="19"/>
      <c r="Q60" s="19"/>
      <c r="R60" s="19"/>
      <c r="S60" s="19"/>
      <c r="T60" s="19"/>
      <c r="U60" s="9"/>
      <c r="V60" s="72"/>
      <c r="W60" s="72"/>
      <c r="X60" s="42"/>
      <c r="Y60" s="42"/>
      <c r="Z60" s="43"/>
      <c r="AA60" s="43"/>
    </row>
    <row r="61" spans="1:27" s="3" customFormat="1" ht="10.5" customHeight="1">
      <c r="A61" s="85"/>
      <c r="B61" s="24"/>
      <c r="C61" s="25"/>
      <c r="D61" s="67"/>
      <c r="E61" s="259"/>
      <c r="F61" s="98"/>
      <c r="G61" s="262"/>
      <c r="H61" s="4"/>
      <c r="I61" s="4"/>
      <c r="J61" s="89"/>
      <c r="K61" s="95"/>
      <c r="L61" s="91"/>
      <c r="O61" s="19"/>
      <c r="P61" s="19"/>
      <c r="Q61" s="19"/>
      <c r="R61" s="19"/>
      <c r="S61" s="19"/>
      <c r="T61" s="19"/>
      <c r="U61" s="9"/>
      <c r="V61" s="14"/>
      <c r="W61" s="14"/>
      <c r="X61" s="14"/>
      <c r="Y61" s="14"/>
      <c r="Z61" s="43"/>
      <c r="AA61" s="43"/>
    </row>
    <row r="62" spans="1:27" s="3" customFormat="1" ht="10.5" customHeight="1">
      <c r="A62" s="83" t="s">
        <v>38</v>
      </c>
      <c r="B62" s="24"/>
      <c r="C62" s="25"/>
      <c r="D62" s="67"/>
      <c r="E62" s="259"/>
      <c r="F62" s="92" t="s">
        <v>49</v>
      </c>
      <c r="G62" s="262"/>
      <c r="H62" s="4"/>
      <c r="I62" s="4"/>
      <c r="J62" s="88"/>
      <c r="K62" s="94">
        <v>0.2</v>
      </c>
      <c r="L62" s="90"/>
      <c r="O62" s="19"/>
      <c r="P62" s="19"/>
      <c r="Q62" s="19"/>
      <c r="R62" s="19"/>
      <c r="S62" s="19"/>
      <c r="T62" s="19"/>
      <c r="U62" s="9"/>
      <c r="V62" s="14"/>
      <c r="W62" s="14"/>
      <c r="X62" s="14"/>
      <c r="Y62" s="14"/>
      <c r="Z62" s="43"/>
      <c r="AA62" s="43"/>
    </row>
    <row r="63" spans="1:27" s="3" customFormat="1" ht="10.5" customHeight="1">
      <c r="A63" s="85"/>
      <c r="B63" s="24"/>
      <c r="C63" s="25"/>
      <c r="D63" s="67"/>
      <c r="E63" s="259"/>
      <c r="F63" s="93"/>
      <c r="G63" s="4"/>
      <c r="H63" s="4"/>
      <c r="I63" s="4"/>
      <c r="J63" s="89"/>
      <c r="K63" s="95"/>
      <c r="L63" s="91"/>
      <c r="O63" s="78"/>
      <c r="P63" s="78"/>
      <c r="Q63" s="78"/>
      <c r="R63" s="78"/>
      <c r="S63" s="78"/>
      <c r="T63" s="78"/>
      <c r="U63" s="9"/>
      <c r="V63" s="9"/>
      <c r="W63" s="9"/>
      <c r="X63" s="9"/>
      <c r="Y63" s="9"/>
      <c r="Z63" s="43"/>
      <c r="AA63" s="43"/>
    </row>
    <row r="64" spans="1:27" s="3" customFormat="1" ht="21" customHeight="1" thickBot="1">
      <c r="A64" s="65" t="s">
        <v>39</v>
      </c>
      <c r="B64" s="34"/>
      <c r="C64" s="35"/>
      <c r="D64" s="36"/>
      <c r="E64" s="260"/>
      <c r="F64" s="46">
        <v>0.06</v>
      </c>
      <c r="G64" s="5"/>
      <c r="H64" s="5"/>
      <c r="I64" s="5"/>
      <c r="J64" s="37"/>
      <c r="K64" s="37"/>
      <c r="L64" s="38"/>
      <c r="O64" s="78"/>
      <c r="P64" s="78"/>
      <c r="Q64" s="78"/>
      <c r="R64" s="78"/>
      <c r="S64" s="78"/>
      <c r="T64" s="78"/>
      <c r="U64" s="19"/>
      <c r="V64" s="14"/>
      <c r="W64" s="14"/>
      <c r="X64" s="14"/>
      <c r="Y64" s="14"/>
      <c r="Z64" s="43"/>
      <c r="AA64" s="43"/>
    </row>
    <row r="65" spans="1:27" s="3" customFormat="1" ht="21" customHeight="1">
      <c r="A65" s="6"/>
      <c r="B65" s="7"/>
      <c r="C65" s="7"/>
      <c r="D65" s="7"/>
      <c r="E65" s="17"/>
      <c r="F65" s="7"/>
      <c r="G65" s="7"/>
      <c r="H65" s="7"/>
      <c r="I65" s="7"/>
      <c r="J65" s="8"/>
      <c r="K65" s="8"/>
      <c r="L65" s="8"/>
      <c r="O65" s="15"/>
      <c r="P65" s="43"/>
      <c r="Q65" s="43"/>
      <c r="R65" s="43"/>
      <c r="S65" s="43"/>
      <c r="T65" s="43"/>
      <c r="U65" s="9"/>
      <c r="V65" s="14"/>
      <c r="W65" s="14"/>
      <c r="X65" s="14"/>
      <c r="Y65" s="14"/>
      <c r="Z65" s="43"/>
      <c r="AA65" s="43"/>
    </row>
    <row r="66" spans="1:27" s="3" customFormat="1" ht="21" customHeight="1">
      <c r="A66" s="7"/>
      <c r="B66" s="7"/>
      <c r="C66" s="7"/>
      <c r="D66" s="7"/>
      <c r="E66" s="18"/>
      <c r="F66" s="7"/>
      <c r="G66" s="7"/>
      <c r="H66" s="7"/>
      <c r="I66" s="7"/>
      <c r="J66" s="7"/>
      <c r="K66" s="7"/>
      <c r="L66" s="7"/>
      <c r="O66" s="43"/>
      <c r="P66" s="43"/>
      <c r="Q66" s="43"/>
      <c r="R66" s="43"/>
      <c r="S66" s="43"/>
      <c r="T66" s="43"/>
      <c r="U66" s="14"/>
      <c r="V66" s="14"/>
      <c r="W66" s="14"/>
      <c r="X66" s="43"/>
      <c r="Y66" s="43"/>
      <c r="Z66" s="43"/>
      <c r="AA66" s="43"/>
    </row>
    <row r="67" spans="1:27" s="3" customFormat="1" ht="21" customHeight="1">
      <c r="A67" s="1"/>
      <c r="B67" s="1"/>
      <c r="C67" s="1"/>
      <c r="D67" s="1"/>
      <c r="E67" s="18"/>
      <c r="F67" s="1"/>
      <c r="G67" s="1"/>
      <c r="H67" s="1"/>
      <c r="I67" s="1"/>
      <c r="J67" s="1"/>
      <c r="K67" s="1"/>
      <c r="L67" s="1"/>
      <c r="O67" s="43"/>
      <c r="P67" s="43"/>
      <c r="Q67" s="43"/>
      <c r="R67" s="43"/>
      <c r="S67" s="43"/>
      <c r="T67" s="43"/>
      <c r="U67" s="14"/>
      <c r="V67" s="43"/>
      <c r="W67" s="43"/>
      <c r="X67" s="43"/>
      <c r="Y67" s="43"/>
      <c r="Z67" s="43"/>
      <c r="AA67" s="43"/>
    </row>
    <row r="68" spans="1:27" s="3" customFormat="1" ht="21" customHeight="1">
      <c r="A68" s="1"/>
      <c r="B68" s="1"/>
      <c r="C68" s="1"/>
      <c r="D68" s="1"/>
      <c r="E68" s="18"/>
      <c r="F68" s="1"/>
      <c r="G68" s="1"/>
      <c r="H68" s="1"/>
      <c r="I68" s="1"/>
      <c r="J68" s="1"/>
      <c r="K68" s="1"/>
      <c r="L68" s="1"/>
      <c r="O68" s="43"/>
      <c r="P68" s="43"/>
      <c r="Q68" s="43"/>
      <c r="R68" s="43"/>
      <c r="S68" s="43"/>
      <c r="T68" s="43"/>
      <c r="U68" s="14"/>
      <c r="V68" s="43"/>
      <c r="W68" s="43"/>
      <c r="X68" s="43"/>
      <c r="Y68" s="43"/>
      <c r="Z68" s="43"/>
      <c r="AA68" s="43"/>
    </row>
    <row r="69" spans="1:27" s="3" customFormat="1" ht="21" customHeight="1">
      <c r="A69" s="1"/>
      <c r="B69" s="1"/>
      <c r="C69" s="1"/>
      <c r="D69" s="1"/>
      <c r="E69" s="18"/>
      <c r="F69" s="1"/>
      <c r="G69" s="1"/>
      <c r="H69" s="1"/>
      <c r="I69" s="1"/>
      <c r="J69" s="1"/>
      <c r="K69" s="1"/>
      <c r="L69" s="1"/>
      <c r="N69" s="43"/>
      <c r="O69" s="43"/>
      <c r="P69" s="43"/>
      <c r="Q69" s="43"/>
      <c r="R69" s="43"/>
      <c r="S69" s="43"/>
      <c r="T69" s="43"/>
      <c r="U69" s="43"/>
      <c r="V69" s="43"/>
      <c r="W69" s="43"/>
      <c r="X69" s="43"/>
      <c r="Y69" s="43"/>
      <c r="Z69" s="45"/>
      <c r="AA69" s="45"/>
    </row>
    <row r="70" spans="1:27" s="3" customFormat="1" ht="21" customHeight="1">
      <c r="A70" s="1"/>
      <c r="B70" s="1"/>
      <c r="C70" s="1"/>
      <c r="D70" s="1"/>
      <c r="E70" s="18"/>
      <c r="F70" s="1"/>
      <c r="G70" s="1"/>
      <c r="H70" s="1"/>
      <c r="I70" s="1"/>
      <c r="J70" s="1"/>
      <c r="K70" s="1"/>
      <c r="L70" s="1"/>
      <c r="N70" s="43"/>
      <c r="O70" s="43"/>
      <c r="P70" s="43"/>
      <c r="Q70" s="43"/>
      <c r="R70" s="43"/>
      <c r="S70" s="43"/>
      <c r="T70" s="43"/>
      <c r="U70" s="43"/>
      <c r="V70" s="43"/>
      <c r="W70" s="43"/>
      <c r="X70" s="43"/>
      <c r="Y70" s="43"/>
      <c r="Z70" s="14"/>
      <c r="AA70" s="14"/>
    </row>
    <row r="71" spans="1:27" s="3" customFormat="1" ht="21" customHeight="1">
      <c r="A71" s="1"/>
      <c r="B71" s="1"/>
      <c r="C71" s="1"/>
      <c r="D71" s="1"/>
      <c r="E71" s="7"/>
      <c r="F71" s="1"/>
      <c r="G71" s="1"/>
      <c r="H71" s="1"/>
      <c r="I71" s="1"/>
      <c r="J71" s="1"/>
      <c r="K71" s="1"/>
      <c r="L71" s="1"/>
      <c r="N71" s="43"/>
      <c r="O71" s="43"/>
      <c r="P71" s="43"/>
      <c r="Q71" s="43"/>
      <c r="R71" s="43"/>
      <c r="S71" s="43"/>
      <c r="T71" s="43"/>
      <c r="U71" s="43"/>
      <c r="V71" s="43"/>
      <c r="W71" s="43"/>
      <c r="X71" s="43"/>
      <c r="Y71" s="43"/>
      <c r="Z71" s="14"/>
      <c r="AA71" s="14"/>
    </row>
    <row r="72" spans="1:27" s="3" customFormat="1" ht="16.5" customHeight="1">
      <c r="A72" s="1"/>
      <c r="B72" s="1"/>
      <c r="C72" s="1"/>
      <c r="D72" s="1"/>
      <c r="E72" s="7"/>
      <c r="F72" s="1"/>
      <c r="G72" s="1"/>
      <c r="H72" s="1"/>
      <c r="I72" s="1"/>
      <c r="J72" s="1"/>
      <c r="K72" s="1"/>
      <c r="L72" s="1"/>
      <c r="N72" s="43"/>
      <c r="O72" s="43"/>
      <c r="P72" s="43"/>
      <c r="Q72" s="43"/>
      <c r="R72" s="43"/>
      <c r="S72" s="43"/>
      <c r="T72" s="43"/>
      <c r="U72" s="43"/>
      <c r="V72" s="43"/>
      <c r="W72" s="43"/>
      <c r="X72" s="43"/>
      <c r="Y72" s="43"/>
      <c r="Z72" s="14"/>
      <c r="AA72" s="14"/>
    </row>
    <row r="73" spans="1:27" ht="21" customHeight="1">
      <c r="E73" s="16"/>
    </row>
    <row r="74" spans="1:27">
      <c r="E74" s="16"/>
    </row>
    <row r="75" spans="1:27">
      <c r="E75" s="16"/>
    </row>
    <row r="76" spans="1:27">
      <c r="E76" s="16"/>
    </row>
    <row r="77" spans="1:27">
      <c r="E77" s="16"/>
    </row>
    <row r="78" spans="1:27">
      <c r="E78" s="16"/>
    </row>
    <row r="79" spans="1:27">
      <c r="E79" s="16"/>
    </row>
    <row r="80" spans="1:27">
      <c r="E80" s="16"/>
    </row>
    <row r="81" spans="5:5">
      <c r="E81" s="16"/>
    </row>
    <row r="82" spans="5:5">
      <c r="E82" s="16"/>
    </row>
    <row r="83" spans="5:5">
      <c r="E83" s="16"/>
    </row>
    <row r="84" spans="5:5">
      <c r="E84" s="16"/>
    </row>
    <row r="85" spans="5:5">
      <c r="E85" s="16"/>
    </row>
    <row r="86" spans="5:5">
      <c r="E86" s="16"/>
    </row>
    <row r="87" spans="5:5">
      <c r="E87" s="16"/>
    </row>
    <row r="88" spans="5:5">
      <c r="E88" s="16"/>
    </row>
  </sheetData>
  <mergeCells count="238">
    <mergeCell ref="L4:L7"/>
    <mergeCell ref="X23:Z23"/>
    <mergeCell ref="H4:H7"/>
    <mergeCell ref="I4:I7"/>
    <mergeCell ref="B3:F4"/>
    <mergeCell ref="D5:F5"/>
    <mergeCell ref="P18:Q18"/>
    <mergeCell ref="P13:Q14"/>
    <mergeCell ref="A6:A8"/>
    <mergeCell ref="E6:F8"/>
    <mergeCell ref="K4:K7"/>
    <mergeCell ref="J4:J7"/>
    <mergeCell ref="G4:G7"/>
    <mergeCell ref="X21:Z21"/>
    <mergeCell ref="R21:T21"/>
    <mergeCell ref="R18:T18"/>
    <mergeCell ref="R19:T20"/>
    <mergeCell ref="B8:B9"/>
    <mergeCell ref="J8:J9"/>
    <mergeCell ref="B5:C5"/>
    <mergeCell ref="A10:A11"/>
    <mergeCell ref="B10:B11"/>
    <mergeCell ref="A3:A4"/>
    <mergeCell ref="D10:D11"/>
    <mergeCell ref="O1:Q2"/>
    <mergeCell ref="O4:Q4"/>
    <mergeCell ref="T4:V4"/>
    <mergeCell ref="W4:X4"/>
    <mergeCell ref="P7:Q7"/>
    <mergeCell ref="T7:V7"/>
    <mergeCell ref="W7:X7"/>
    <mergeCell ref="O5:O14"/>
    <mergeCell ref="P5:Q5"/>
    <mergeCell ref="W5:X5"/>
    <mergeCell ref="T5:V5"/>
    <mergeCell ref="P6:Q6"/>
    <mergeCell ref="T6:V6"/>
    <mergeCell ref="W6:X6"/>
    <mergeCell ref="P8:Q10"/>
    <mergeCell ref="T8:V8"/>
    <mergeCell ref="W8:X8"/>
    <mergeCell ref="T12:V12"/>
    <mergeCell ref="W12:X12"/>
    <mergeCell ref="T13:V13"/>
    <mergeCell ref="G26:G27"/>
    <mergeCell ref="G54:G56"/>
    <mergeCell ref="G60:G62"/>
    <mergeCell ref="A49:A51"/>
    <mergeCell ref="F49:F51"/>
    <mergeCell ref="J59:J61"/>
    <mergeCell ref="J49:J51"/>
    <mergeCell ref="G29:G30"/>
    <mergeCell ref="H29:H30"/>
    <mergeCell ref="A36:A37"/>
    <mergeCell ref="A47:A48"/>
    <mergeCell ref="A54:A56"/>
    <mergeCell ref="A52:A53"/>
    <mergeCell ref="F52:F53"/>
    <mergeCell ref="J52:J53"/>
    <mergeCell ref="I29:I30"/>
    <mergeCell ref="A38:A39"/>
    <mergeCell ref="P25:Q25"/>
    <mergeCell ref="O26:O29"/>
    <mergeCell ref="P26:Q26"/>
    <mergeCell ref="P27:Q27"/>
    <mergeCell ref="P28:Q28"/>
    <mergeCell ref="P29:Q29"/>
    <mergeCell ref="K49:K51"/>
    <mergeCell ref="P49:Q50"/>
    <mergeCell ref="K36:K37"/>
    <mergeCell ref="L36:L37"/>
    <mergeCell ref="L42:L43"/>
    <mergeCell ref="K34:K35"/>
    <mergeCell ref="L34:L35"/>
    <mergeCell ref="K30:K31"/>
    <mergeCell ref="K32:K33"/>
    <mergeCell ref="K10:K11"/>
    <mergeCell ref="L10:L11"/>
    <mergeCell ref="P11:Q12"/>
    <mergeCell ref="T11:V11"/>
    <mergeCell ref="T9:V10"/>
    <mergeCell ref="W9:X10"/>
    <mergeCell ref="W11:X11"/>
    <mergeCell ref="R9:S10"/>
    <mergeCell ref="W15:X15"/>
    <mergeCell ref="T15:V15"/>
    <mergeCell ref="W13:X13"/>
    <mergeCell ref="T14:V14"/>
    <mergeCell ref="W14:X14"/>
    <mergeCell ref="K8:K9"/>
    <mergeCell ref="AA19:AA20"/>
    <mergeCell ref="A20:A21"/>
    <mergeCell ref="F20:F21"/>
    <mergeCell ref="J20:J21"/>
    <mergeCell ref="K20:K21"/>
    <mergeCell ref="L20:L21"/>
    <mergeCell ref="K18:K19"/>
    <mergeCell ref="L18:L19"/>
    <mergeCell ref="V18:Z18"/>
    <mergeCell ref="O19:O22"/>
    <mergeCell ref="V19:W23"/>
    <mergeCell ref="X19:Z20"/>
    <mergeCell ref="X22:Z22"/>
    <mergeCell ref="O23:O25"/>
    <mergeCell ref="P23:Q23"/>
    <mergeCell ref="R23:T23"/>
    <mergeCell ref="R25:T25"/>
    <mergeCell ref="P24:Q24"/>
    <mergeCell ref="R24:T24"/>
    <mergeCell ref="V24:W30"/>
    <mergeCell ref="R22:T22"/>
    <mergeCell ref="P19:Q20"/>
    <mergeCell ref="P21:Q21"/>
    <mergeCell ref="P22:Q22"/>
    <mergeCell ref="X24:Z25"/>
    <mergeCell ref="AA24:AA25"/>
    <mergeCell ref="X26:Z26"/>
    <mergeCell ref="X27:X30"/>
    <mergeCell ref="Y29:Y30"/>
    <mergeCell ref="A40:A41"/>
    <mergeCell ref="R28:T28"/>
    <mergeCell ref="R29:T29"/>
    <mergeCell ref="R26:T26"/>
    <mergeCell ref="R27:T27"/>
    <mergeCell ref="R39:T40"/>
    <mergeCell ref="B29:B30"/>
    <mergeCell ref="C29:C30"/>
    <mergeCell ref="D28:D32"/>
    <mergeCell ref="Y27:Y28"/>
    <mergeCell ref="O30:O32"/>
    <mergeCell ref="L30:L31"/>
    <mergeCell ref="L32:L33"/>
    <mergeCell ref="R30:T30"/>
    <mergeCell ref="P30:Q30"/>
    <mergeCell ref="AA31:AA32"/>
    <mergeCell ref="P33:Q34"/>
    <mergeCell ref="R33:T34"/>
    <mergeCell ref="R37:T38"/>
    <mergeCell ref="R35:T36"/>
    <mergeCell ref="V35:X36"/>
    <mergeCell ref="P37:Q38"/>
    <mergeCell ref="P31:Q32"/>
    <mergeCell ref="R31:T32"/>
    <mergeCell ref="P35:Q36"/>
    <mergeCell ref="V31:Z32"/>
    <mergeCell ref="V33:AB33"/>
    <mergeCell ref="X37:Y38"/>
    <mergeCell ref="F47:F48"/>
    <mergeCell ref="J47:J48"/>
    <mergeCell ref="F42:F43"/>
    <mergeCell ref="J42:J43"/>
    <mergeCell ref="J44:J46"/>
    <mergeCell ref="F44:F46"/>
    <mergeCell ref="F36:F37"/>
    <mergeCell ref="J36:J37"/>
    <mergeCell ref="A30:A31"/>
    <mergeCell ref="A32:A33"/>
    <mergeCell ref="F30:F31"/>
    <mergeCell ref="J30:J31"/>
    <mergeCell ref="J32:J33"/>
    <mergeCell ref="A34:A35"/>
    <mergeCell ref="F34:F35"/>
    <mergeCell ref="J34:J35"/>
    <mergeCell ref="C31:C32"/>
    <mergeCell ref="E10:E64"/>
    <mergeCell ref="F10:F11"/>
    <mergeCell ref="J10:J11"/>
    <mergeCell ref="A18:A19"/>
    <mergeCell ref="F18:F19"/>
    <mergeCell ref="J18:J19"/>
    <mergeCell ref="A42:A43"/>
    <mergeCell ref="X39:Y41"/>
    <mergeCell ref="X51:Y53"/>
    <mergeCell ref="R53:T54"/>
    <mergeCell ref="P53:Q54"/>
    <mergeCell ref="P51:Q52"/>
    <mergeCell ref="R51:T52"/>
    <mergeCell ref="R47:T48"/>
    <mergeCell ref="V44:X45"/>
    <mergeCell ref="V46:W47"/>
    <mergeCell ref="P39:Q40"/>
    <mergeCell ref="V39:W41"/>
    <mergeCell ref="R49:T50"/>
    <mergeCell ref="P43:Q44"/>
    <mergeCell ref="R43:T44"/>
    <mergeCell ref="P45:Q46"/>
    <mergeCell ref="R45:T46"/>
    <mergeCell ref="X46:Y47"/>
    <mergeCell ref="V48:W50"/>
    <mergeCell ref="X48:Y50"/>
    <mergeCell ref="L59:L61"/>
    <mergeCell ref="F54:F56"/>
    <mergeCell ref="J54:J56"/>
    <mergeCell ref="K54:K56"/>
    <mergeCell ref="V37:W38"/>
    <mergeCell ref="V51:W53"/>
    <mergeCell ref="P41:Q42"/>
    <mergeCell ref="R41:T42"/>
    <mergeCell ref="F38:F39"/>
    <mergeCell ref="J38:J39"/>
    <mergeCell ref="K38:K39"/>
    <mergeCell ref="L38:L39"/>
    <mergeCell ref="O33:O38"/>
    <mergeCell ref="F40:F41"/>
    <mergeCell ref="J40:J41"/>
    <mergeCell ref="K40:K41"/>
    <mergeCell ref="L40:L41"/>
    <mergeCell ref="K44:K46"/>
    <mergeCell ref="L44:L46"/>
    <mergeCell ref="K42:K43"/>
    <mergeCell ref="K47:K48"/>
    <mergeCell ref="L47:L48"/>
    <mergeCell ref="R55:T56"/>
    <mergeCell ref="F32:F33"/>
    <mergeCell ref="O57:U58"/>
    <mergeCell ref="L49:L51"/>
    <mergeCell ref="A44:A46"/>
    <mergeCell ref="P47:Q48"/>
    <mergeCell ref="L54:L56"/>
    <mergeCell ref="K52:K53"/>
    <mergeCell ref="L52:L53"/>
    <mergeCell ref="A62:A63"/>
    <mergeCell ref="F62:F63"/>
    <mergeCell ref="J62:J63"/>
    <mergeCell ref="K62:K63"/>
    <mergeCell ref="A59:A61"/>
    <mergeCell ref="L62:L63"/>
    <mergeCell ref="F59:F61"/>
    <mergeCell ref="A57:A58"/>
    <mergeCell ref="O39:O44"/>
    <mergeCell ref="O45:O50"/>
    <mergeCell ref="O51:O56"/>
    <mergeCell ref="P55:Q56"/>
    <mergeCell ref="L57:L58"/>
    <mergeCell ref="F57:F58"/>
    <mergeCell ref="J57:J58"/>
    <mergeCell ref="K57:K58"/>
    <mergeCell ref="K59:K61"/>
  </mergeCells>
  <phoneticPr fontId="1"/>
  <printOptions horizontalCentered="1"/>
  <pageMargins left="0.39370078740157483" right="0.39370078740157483" top="0.59055118110236227" bottom="0.39370078740157483" header="0.51181102362204722" footer="0.19685039370078741"/>
  <pageSetup paperSize="9" scale="58" firstPageNumber="48" orientation="landscape" blackAndWhite="1" useFirstPageNumber="1" r:id="rId1"/>
  <headerFooter alignWithMargins="0">
    <oddFooter>&amp;C&amp;"ＭＳ 明朝,標準"&amp;14― &amp;P ―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1 税率状況</vt:lpstr>
      <vt:lpstr>'11 税率状況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小笠原 佑</dc:creator>
  <cp:lastModifiedBy>user</cp:lastModifiedBy>
  <cp:lastPrinted>2024-05-23T05:21:36Z</cp:lastPrinted>
  <dcterms:created xsi:type="dcterms:W3CDTF">2004-06-15T05:08:56Z</dcterms:created>
  <dcterms:modified xsi:type="dcterms:W3CDTF">2025-07-14T06:34:37Z</dcterms:modified>
</cp:coreProperties>
</file>